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5511\OneDrive - medline.com\TVBL\"/>
    </mc:Choice>
  </mc:AlternateContent>
  <workbookProtection workbookPassword="CA83" lockStructure="1"/>
  <bookViews>
    <workbookView xWindow="0" yWindow="0" windowWidth="17256" windowHeight="7848"/>
  </bookViews>
  <sheets>
    <sheet name="Input" sheetId="11" r:id="rId1"/>
    <sheet name="Printable Line-up" sheetId="12" r:id="rId2"/>
    <sheet name="Graphical" sheetId="13" r:id="rId3"/>
  </sheets>
  <definedNames>
    <definedName name="_xlnm.Print_Area" localSheetId="0">Input!$A$1:$N$46</definedName>
  </definedNames>
  <calcPr calcId="162913"/>
</workbook>
</file>

<file path=xl/calcChain.xml><?xml version="1.0" encoding="utf-8"?>
<calcChain xmlns="http://schemas.openxmlformats.org/spreadsheetml/2006/main">
  <c r="M19" i="11" l="1"/>
  <c r="B18" i="12" s="1"/>
  <c r="I46" i="13" s="1"/>
  <c r="I1" i="13"/>
  <c r="A1" i="13"/>
  <c r="AA19" i="11"/>
  <c r="AA13" i="11"/>
  <c r="AA8" i="11"/>
  <c r="AA9" i="11"/>
  <c r="AA10" i="11"/>
  <c r="AA11" i="11"/>
  <c r="AA12" i="11"/>
  <c r="AA14" i="11"/>
  <c r="AA15" i="11"/>
  <c r="AA16" i="11"/>
  <c r="AA17" i="11"/>
  <c r="AA18" i="11"/>
  <c r="AA20" i="11"/>
  <c r="Z19" i="11"/>
  <c r="Z13" i="11"/>
  <c r="Z8" i="11"/>
  <c r="Z9" i="11"/>
  <c r="Z10" i="11"/>
  <c r="Z11" i="11"/>
  <c r="Z12" i="11"/>
  <c r="Z14" i="11"/>
  <c r="Z15" i="11"/>
  <c r="Z16" i="11"/>
  <c r="Z17" i="11"/>
  <c r="Z18" i="11"/>
  <c r="Z20" i="11"/>
  <c r="Y19" i="11"/>
  <c r="Y13" i="11"/>
  <c r="Y8" i="11"/>
  <c r="Y9" i="11"/>
  <c r="Y10" i="11"/>
  <c r="Y11" i="11"/>
  <c r="Y12" i="11"/>
  <c r="Y14" i="11"/>
  <c r="Y15" i="11"/>
  <c r="Y16" i="11"/>
  <c r="Y17" i="11"/>
  <c r="Y18" i="11"/>
  <c r="Y20" i="11"/>
  <c r="X19" i="11"/>
  <c r="X13" i="11"/>
  <c r="X8" i="11"/>
  <c r="X9" i="11"/>
  <c r="X10" i="11"/>
  <c r="X11" i="11"/>
  <c r="X12" i="11"/>
  <c r="X14" i="11"/>
  <c r="X15" i="11"/>
  <c r="X16" i="11"/>
  <c r="X17" i="11"/>
  <c r="X18" i="11"/>
  <c r="X20" i="11"/>
  <c r="W19" i="11"/>
  <c r="W13" i="11"/>
  <c r="W8" i="11"/>
  <c r="W9" i="11"/>
  <c r="W10" i="11"/>
  <c r="W11" i="11"/>
  <c r="W12" i="11"/>
  <c r="W14" i="11"/>
  <c r="W15" i="11"/>
  <c r="W16" i="11"/>
  <c r="W17" i="11"/>
  <c r="W18" i="11"/>
  <c r="W20" i="11"/>
  <c r="V19" i="11"/>
  <c r="V13" i="11"/>
  <c r="V8" i="11"/>
  <c r="V9" i="11"/>
  <c r="V10" i="11"/>
  <c r="V11" i="11"/>
  <c r="V12" i="11"/>
  <c r="V14" i="11"/>
  <c r="V15" i="11"/>
  <c r="V16" i="11"/>
  <c r="V17" i="11"/>
  <c r="V18" i="11"/>
  <c r="V20" i="11"/>
  <c r="I33" i="11"/>
  <c r="H33" i="11"/>
  <c r="G33" i="11"/>
  <c r="F33" i="11"/>
  <c r="E33" i="11"/>
  <c r="D33" i="11"/>
  <c r="M20" i="11"/>
  <c r="B19" i="12" s="1"/>
  <c r="I47" i="13" s="1"/>
  <c r="M18" i="11"/>
  <c r="B17" i="12" s="1"/>
  <c r="I45" i="13" s="1"/>
  <c r="M17" i="11"/>
  <c r="M16" i="11"/>
  <c r="B15" i="12" s="1"/>
  <c r="I43" i="13" s="1"/>
  <c r="M15" i="11"/>
  <c r="M14" i="11"/>
  <c r="M13" i="11"/>
  <c r="T23" i="11" s="1"/>
  <c r="M12" i="11"/>
  <c r="S23" i="11" s="1"/>
  <c r="M11" i="11"/>
  <c r="R23" i="11" s="1"/>
  <c r="M10" i="11"/>
  <c r="M9" i="11"/>
  <c r="I28" i="11" s="1"/>
  <c r="D18" i="13" s="1"/>
  <c r="M8" i="11"/>
  <c r="O23" i="11" s="1"/>
  <c r="G4" i="12"/>
  <c r="G3" i="12"/>
  <c r="B4" i="12"/>
  <c r="B3" i="12"/>
  <c r="I1" i="12"/>
  <c r="A1" i="12"/>
  <c r="N5" i="11"/>
  <c r="L19" i="11"/>
  <c r="L18" i="11"/>
  <c r="L17" i="11"/>
  <c r="L16" i="11"/>
  <c r="L15" i="11"/>
  <c r="L14" i="11"/>
  <c r="L13" i="11"/>
  <c r="L12" i="11"/>
  <c r="L11" i="11"/>
  <c r="L10" i="11"/>
  <c r="L9" i="11"/>
  <c r="L8" i="11"/>
  <c r="L20" i="11"/>
  <c r="C46" i="11"/>
  <c r="I46" i="11"/>
  <c r="H46" i="11"/>
  <c r="G46" i="11"/>
  <c r="F46" i="11"/>
  <c r="E46" i="11"/>
  <c r="D46" i="11"/>
  <c r="C45" i="11"/>
  <c r="E45" i="11" s="1"/>
  <c r="H45" i="11"/>
  <c r="C44" i="11"/>
  <c r="C43" i="11"/>
  <c r="F43" i="11"/>
  <c r="H43" i="11"/>
  <c r="C42" i="11"/>
  <c r="H42" i="11" s="1"/>
  <c r="I42" i="11"/>
  <c r="F42" i="11"/>
  <c r="E42" i="11"/>
  <c r="C41" i="11"/>
  <c r="H41" i="11" s="1"/>
  <c r="F41" i="11"/>
  <c r="C40" i="11"/>
  <c r="I40" i="11" s="1"/>
  <c r="C39" i="11"/>
  <c r="H39" i="11" s="1"/>
  <c r="C38" i="11"/>
  <c r="I38" i="11" s="1"/>
  <c r="C37" i="11"/>
  <c r="E37" i="11" s="1"/>
  <c r="H19" i="12"/>
  <c r="G19" i="12"/>
  <c r="F19" i="12"/>
  <c r="E19" i="12"/>
  <c r="D19" i="12"/>
  <c r="C19" i="12"/>
  <c r="A19" i="12"/>
  <c r="A7" i="12"/>
  <c r="C7" i="12"/>
  <c r="D7" i="12"/>
  <c r="E7" i="12"/>
  <c r="F7" i="12"/>
  <c r="G7" i="12"/>
  <c r="H7" i="12"/>
  <c r="A8" i="12"/>
  <c r="C8" i="12"/>
  <c r="D8" i="12"/>
  <c r="E8" i="12"/>
  <c r="F8" i="12"/>
  <c r="G8" i="12"/>
  <c r="H8" i="12"/>
  <c r="A9" i="12"/>
  <c r="C9" i="12"/>
  <c r="D9" i="12"/>
  <c r="E9" i="12"/>
  <c r="F9" i="12"/>
  <c r="G9" i="12"/>
  <c r="H9" i="12"/>
  <c r="A10" i="12"/>
  <c r="C10" i="12"/>
  <c r="D10" i="12"/>
  <c r="E10" i="12"/>
  <c r="F10" i="12"/>
  <c r="G10" i="12"/>
  <c r="H10" i="12"/>
  <c r="A11" i="12"/>
  <c r="C11" i="12"/>
  <c r="D11" i="12"/>
  <c r="E11" i="12"/>
  <c r="F11" i="12"/>
  <c r="G11" i="12"/>
  <c r="H11" i="12"/>
  <c r="A12" i="12"/>
  <c r="C12" i="12"/>
  <c r="D12" i="12"/>
  <c r="E12" i="12"/>
  <c r="F12" i="12"/>
  <c r="G12" i="12"/>
  <c r="H12" i="12"/>
  <c r="A13" i="12"/>
  <c r="C13" i="12"/>
  <c r="D13" i="12"/>
  <c r="E13" i="12"/>
  <c r="F13" i="12"/>
  <c r="G13" i="12"/>
  <c r="H13" i="12"/>
  <c r="A14" i="12"/>
  <c r="C14" i="12"/>
  <c r="D14" i="12"/>
  <c r="E14" i="12"/>
  <c r="F14" i="12"/>
  <c r="G14" i="12"/>
  <c r="H14" i="12"/>
  <c r="A15" i="12"/>
  <c r="C15" i="12"/>
  <c r="D15" i="12"/>
  <c r="E15" i="12"/>
  <c r="F15" i="12"/>
  <c r="G15" i="12"/>
  <c r="H15" i="12"/>
  <c r="A16" i="12"/>
  <c r="C16" i="12"/>
  <c r="D16" i="12"/>
  <c r="E16" i="12"/>
  <c r="F16" i="12"/>
  <c r="G16" i="12"/>
  <c r="H16" i="12"/>
  <c r="A17" i="12"/>
  <c r="C17" i="12"/>
  <c r="D17" i="12"/>
  <c r="E17" i="12"/>
  <c r="F17" i="12"/>
  <c r="G17" i="12"/>
  <c r="H17" i="12"/>
  <c r="A18" i="12"/>
  <c r="C18" i="12"/>
  <c r="D18" i="12"/>
  <c r="E18" i="12"/>
  <c r="F18" i="12"/>
  <c r="G18" i="12"/>
  <c r="H18" i="12"/>
  <c r="I43" i="11"/>
  <c r="F45" i="11"/>
  <c r="D41" i="11"/>
  <c r="I41" i="11"/>
  <c r="G41" i="11"/>
  <c r="E41" i="11"/>
  <c r="E43" i="11"/>
  <c r="H38" i="11"/>
  <c r="G42" i="11"/>
  <c r="D43" i="11"/>
  <c r="D44" i="11"/>
  <c r="G38" i="11"/>
  <c r="G44" i="11"/>
  <c r="G43" i="11"/>
  <c r="E38" i="11"/>
  <c r="D42" i="11"/>
  <c r="J20" i="11"/>
  <c r="P20" i="11"/>
  <c r="O20" i="11"/>
  <c r="K20" i="11"/>
  <c r="T20" i="11"/>
  <c r="R20" i="11"/>
  <c r="S20" i="11"/>
  <c r="Q20" i="11"/>
  <c r="F24" i="11"/>
  <c r="C37" i="13" s="1"/>
  <c r="I29" i="11"/>
  <c r="B29" i="13" s="1"/>
  <c r="F30" i="11"/>
  <c r="B8" i="13" s="1"/>
  <c r="Y23" i="11"/>
  <c r="B12" i="12"/>
  <c r="I40" i="13" s="1"/>
  <c r="Z23" i="11"/>
  <c r="D31" i="11"/>
  <c r="F4" i="13" s="1"/>
  <c r="H31" i="11"/>
  <c r="F8" i="13" s="1"/>
  <c r="D27" i="11"/>
  <c r="H13" i="13" s="1"/>
  <c r="D28" i="11"/>
  <c r="D13" i="13" s="1"/>
  <c r="E30" i="11"/>
  <c r="B7" i="13" s="1"/>
  <c r="G24" i="11"/>
  <c r="C38" i="13" s="1"/>
  <c r="X23" i="11"/>
  <c r="G26" i="11"/>
  <c r="J27" i="13" s="1"/>
  <c r="H29" i="11"/>
  <c r="B28" i="13" s="1"/>
  <c r="G29" i="11"/>
  <c r="B27" i="13" s="1"/>
  <c r="G30" i="11"/>
  <c r="B9" i="13" s="1"/>
  <c r="B16" i="12"/>
  <c r="I44" i="13" s="1"/>
  <c r="B13" i="12"/>
  <c r="I41" i="13" s="1"/>
  <c r="B9" i="12"/>
  <c r="I37" i="13" s="1"/>
  <c r="F29" i="11"/>
  <c r="B26" i="13" s="1"/>
  <c r="Q23" i="11"/>
  <c r="D30" i="11" l="1"/>
  <c r="B6" i="13" s="1"/>
  <c r="H25" i="11"/>
  <c r="F45" i="13" s="1"/>
  <c r="D26" i="11"/>
  <c r="J24" i="13" s="1"/>
  <c r="H30" i="11"/>
  <c r="B10" i="13" s="1"/>
  <c r="F27" i="11"/>
  <c r="H15" i="13" s="1"/>
  <c r="I31" i="11"/>
  <c r="F9" i="13" s="1"/>
  <c r="H32" i="11"/>
  <c r="J10" i="13" s="1"/>
  <c r="G28" i="11"/>
  <c r="D16" i="13" s="1"/>
  <c r="E25" i="11"/>
  <c r="F42" i="13" s="1"/>
  <c r="G45" i="11"/>
  <c r="F28" i="11"/>
  <c r="D15" i="13" s="1"/>
  <c r="B7" i="12"/>
  <c r="I35" i="13" s="1"/>
  <c r="I45" i="11"/>
  <c r="G37" i="11"/>
  <c r="F40" i="11"/>
  <c r="W23" i="11"/>
  <c r="W33" i="11" s="1"/>
  <c r="AA23" i="11"/>
  <c r="AA33" i="11" s="1"/>
  <c r="E39" i="11"/>
  <c r="E40" i="11"/>
  <c r="D37" i="11"/>
  <c r="D45" i="11"/>
  <c r="F38" i="11"/>
  <c r="G40" i="11"/>
  <c r="F39" i="11"/>
  <c r="H40" i="11"/>
  <c r="D32" i="11"/>
  <c r="J6" i="13" s="1"/>
  <c r="I30" i="11"/>
  <c r="B11" i="13" s="1"/>
  <c r="G27" i="11"/>
  <c r="H16" i="13" s="1"/>
  <c r="E29" i="11"/>
  <c r="B25" i="13" s="1"/>
  <c r="E28" i="11"/>
  <c r="D14" i="13" s="1"/>
  <c r="I24" i="11"/>
  <c r="C40" i="13" s="1"/>
  <c r="B10" i="12"/>
  <c r="I38" i="13" s="1"/>
  <c r="H26" i="11"/>
  <c r="J28" i="13" s="1"/>
  <c r="Z33" i="11"/>
  <c r="B14" i="12"/>
  <c r="I42" i="13" s="1"/>
  <c r="G32" i="11"/>
  <c r="J9" i="13" s="1"/>
  <c r="H28" i="11"/>
  <c r="D17" i="13" s="1"/>
  <c r="E26" i="11"/>
  <c r="J25" i="13" s="1"/>
  <c r="V23" i="11"/>
  <c r="V33" i="11" s="1"/>
  <c r="I26" i="11"/>
  <c r="J29" i="13" s="1"/>
  <c r="V5" i="11"/>
  <c r="O13" i="11" s="1"/>
  <c r="Y5" i="11"/>
  <c r="R17" i="11" s="1"/>
  <c r="X5" i="11"/>
  <c r="Q16" i="11" s="1"/>
  <c r="W5" i="11"/>
  <c r="P14" i="11" s="1"/>
  <c r="Z5" i="11"/>
  <c r="S14" i="11" s="1"/>
  <c r="AA5" i="11"/>
  <c r="T12" i="11" s="1"/>
  <c r="H27" i="11"/>
  <c r="H17" i="13" s="1"/>
  <c r="E27" i="11"/>
  <c r="H14" i="13" s="1"/>
  <c r="I32" i="11"/>
  <c r="J11" i="13" s="1"/>
  <c r="G31" i="11"/>
  <c r="F7" i="13" s="1"/>
  <c r="F26" i="11"/>
  <c r="J26" i="13" s="1"/>
  <c r="U23" i="11"/>
  <c r="E31" i="11"/>
  <c r="D24" i="11"/>
  <c r="I27" i="11"/>
  <c r="H18" i="13" s="1"/>
  <c r="B11" i="12"/>
  <c r="I39" i="13" s="1"/>
  <c r="D29" i="11"/>
  <c r="B24" i="13" s="1"/>
  <c r="E32" i="11"/>
  <c r="J7" i="13" s="1"/>
  <c r="F25" i="11"/>
  <c r="F43" i="13" s="1"/>
  <c r="U33" i="11"/>
  <c r="S33" i="11"/>
  <c r="Y33" i="11"/>
  <c r="O33" i="11"/>
  <c r="R33" i="11"/>
  <c r="T33" i="11"/>
  <c r="Q33" i="11"/>
  <c r="N20" i="11"/>
  <c r="I44" i="11"/>
  <c r="H44" i="11"/>
  <c r="E44" i="11"/>
  <c r="F44" i="11"/>
  <c r="D25" i="11"/>
  <c r="H24" i="11"/>
  <c r="C39" i="13" s="1"/>
  <c r="P23" i="11"/>
  <c r="B8" i="12"/>
  <c r="I36" i="13" s="1"/>
  <c r="I25" i="11"/>
  <c r="F46" i="13" s="1"/>
  <c r="F31" i="11"/>
  <c r="X33" i="11"/>
  <c r="F37" i="11"/>
  <c r="H37" i="11"/>
  <c r="I37" i="11"/>
  <c r="G39" i="11"/>
  <c r="D39" i="11"/>
  <c r="I39" i="11"/>
  <c r="D38" i="11"/>
  <c r="D40" i="11"/>
  <c r="E24" i="11"/>
  <c r="G25" i="11"/>
  <c r="F44" i="13" s="1"/>
  <c r="F32" i="11"/>
  <c r="O19" i="11" l="1"/>
  <c r="O18" i="11"/>
  <c r="S30" i="11"/>
  <c r="R30" i="11"/>
  <c r="U30" i="11"/>
  <c r="O30" i="11"/>
  <c r="W30" i="11"/>
  <c r="V30" i="11"/>
  <c r="Q30" i="11"/>
  <c r="Z30" i="11"/>
  <c r="Y30" i="11"/>
  <c r="X30" i="11"/>
  <c r="T30" i="11"/>
  <c r="AA30" i="11"/>
  <c r="O12" i="11"/>
  <c r="O14" i="11"/>
  <c r="O9" i="11"/>
  <c r="O15" i="11"/>
  <c r="O16" i="11"/>
  <c r="O17" i="11"/>
  <c r="O8" i="11"/>
  <c r="O10" i="11"/>
  <c r="O11" i="11"/>
  <c r="Q8" i="11"/>
  <c r="Q18" i="11"/>
  <c r="AA28" i="11"/>
  <c r="Q28" i="11"/>
  <c r="W28" i="11"/>
  <c r="V28" i="11"/>
  <c r="S28" i="11"/>
  <c r="O28" i="11"/>
  <c r="T28" i="11"/>
  <c r="Y28" i="11"/>
  <c r="U28" i="11"/>
  <c r="Z28" i="11"/>
  <c r="X28" i="11"/>
  <c r="R28" i="11"/>
  <c r="Q10" i="11"/>
  <c r="R13" i="11"/>
  <c r="Q11" i="11"/>
  <c r="Q12" i="11"/>
  <c r="Q14" i="11"/>
  <c r="R9" i="11"/>
  <c r="R11" i="11"/>
  <c r="Q13" i="11"/>
  <c r="R16" i="11"/>
  <c r="R8" i="11"/>
  <c r="R10" i="11"/>
  <c r="Q19" i="11"/>
  <c r="Q15" i="11"/>
  <c r="Q9" i="11"/>
  <c r="Q17" i="11"/>
  <c r="P16" i="11"/>
  <c r="P19" i="11"/>
  <c r="P18" i="11"/>
  <c r="P10" i="11"/>
  <c r="P8" i="11"/>
  <c r="P17" i="11"/>
  <c r="P11" i="11"/>
  <c r="R15" i="11"/>
  <c r="R19" i="11"/>
  <c r="R12" i="11"/>
  <c r="R14" i="11"/>
  <c r="R18" i="11"/>
  <c r="P13" i="11"/>
  <c r="T15" i="11"/>
  <c r="P9" i="11"/>
  <c r="P15" i="11"/>
  <c r="P12" i="11"/>
  <c r="S18" i="11"/>
  <c r="S15" i="11"/>
  <c r="S9" i="11"/>
  <c r="S8" i="11"/>
  <c r="S17" i="11"/>
  <c r="S12" i="11"/>
  <c r="T13" i="11"/>
  <c r="T18" i="11"/>
  <c r="T8" i="11"/>
  <c r="T10" i="11"/>
  <c r="T19" i="11"/>
  <c r="T14" i="11"/>
  <c r="S13" i="11"/>
  <c r="S11" i="11"/>
  <c r="T16" i="11"/>
  <c r="T11" i="11"/>
  <c r="T17" i="11"/>
  <c r="S19" i="11"/>
  <c r="S16" i="11"/>
  <c r="T9" i="11"/>
  <c r="S10" i="11"/>
  <c r="Z29" i="11"/>
  <c r="K19" i="11"/>
  <c r="V27" i="11"/>
  <c r="J19" i="11"/>
  <c r="Q29" i="11"/>
  <c r="AA29" i="11"/>
  <c r="O29" i="11"/>
  <c r="X29" i="11"/>
  <c r="J18" i="11"/>
  <c r="U29" i="11"/>
  <c r="Y29" i="11"/>
  <c r="V29" i="11"/>
  <c r="T29" i="11"/>
  <c r="K17" i="11"/>
  <c r="K18" i="11"/>
  <c r="T26" i="11"/>
  <c r="R29" i="11"/>
  <c r="W29" i="11"/>
  <c r="S29" i="11"/>
  <c r="U27" i="11"/>
  <c r="K16" i="11"/>
  <c r="Y27" i="11"/>
  <c r="X27" i="11"/>
  <c r="J16" i="11"/>
  <c r="J17" i="11"/>
  <c r="W27" i="11"/>
  <c r="Q27" i="11"/>
  <c r="S26" i="11"/>
  <c r="V26" i="11"/>
  <c r="AA27" i="11"/>
  <c r="R27" i="11"/>
  <c r="O26" i="11"/>
  <c r="Q26" i="11"/>
  <c r="O27" i="11"/>
  <c r="T27" i="11"/>
  <c r="S27" i="11"/>
  <c r="Z27" i="11"/>
  <c r="Y26" i="11"/>
  <c r="AA26" i="11"/>
  <c r="Z26" i="11"/>
  <c r="C35" i="13"/>
  <c r="J15" i="11"/>
  <c r="U26" i="11"/>
  <c r="W26" i="11"/>
  <c r="X26" i="11"/>
  <c r="K14" i="11"/>
  <c r="J14" i="11"/>
  <c r="R26" i="11"/>
  <c r="K15" i="11"/>
  <c r="F5" i="13"/>
  <c r="K12" i="11"/>
  <c r="J12" i="11"/>
  <c r="J13" i="11"/>
  <c r="K13" i="11"/>
  <c r="K11" i="11"/>
  <c r="J10" i="11"/>
  <c r="J11" i="11"/>
  <c r="K8" i="11"/>
  <c r="K10" i="11"/>
  <c r="V31" i="11"/>
  <c r="Z31" i="11"/>
  <c r="AA31" i="11"/>
  <c r="X31" i="11"/>
  <c r="J9" i="11"/>
  <c r="K9" i="11"/>
  <c r="Q24" i="11"/>
  <c r="J8" i="11"/>
  <c r="Z24" i="11"/>
  <c r="S31" i="11"/>
  <c r="J8" i="13"/>
  <c r="AA32" i="11"/>
  <c r="U32" i="11"/>
  <c r="Y32" i="11"/>
  <c r="Z32" i="11"/>
  <c r="O32" i="11"/>
  <c r="Q32" i="11"/>
  <c r="F6" i="13"/>
  <c r="O31" i="11"/>
  <c r="Q31" i="11"/>
  <c r="U31" i="11"/>
  <c r="T32" i="11"/>
  <c r="R31" i="11"/>
  <c r="W32" i="11"/>
  <c r="S25" i="11"/>
  <c r="W25" i="11"/>
  <c r="Z25" i="11"/>
  <c r="U25" i="11"/>
  <c r="T25" i="11"/>
  <c r="F41" i="13"/>
  <c r="R25" i="11"/>
  <c r="AA25" i="11"/>
  <c r="Y25" i="11"/>
  <c r="W31" i="11"/>
  <c r="Q25" i="11"/>
  <c r="O25" i="11"/>
  <c r="W24" i="11"/>
  <c r="Y24" i="11"/>
  <c r="C36" i="13"/>
  <c r="T24" i="11"/>
  <c r="AA24" i="11"/>
  <c r="S24" i="11"/>
  <c r="R24" i="11"/>
  <c r="U24" i="11"/>
  <c r="X24" i="11"/>
  <c r="S32" i="11"/>
  <c r="V25" i="11"/>
  <c r="X25" i="11"/>
  <c r="X32" i="11"/>
  <c r="T31" i="11"/>
  <c r="V32" i="11"/>
  <c r="V24" i="11"/>
  <c r="P31" i="11"/>
  <c r="P28" i="11"/>
  <c r="P25" i="11"/>
  <c r="P26" i="11"/>
  <c r="P24" i="11"/>
  <c r="P33" i="11"/>
  <c r="K33" i="11" s="1"/>
  <c r="P27" i="11"/>
  <c r="P29" i="11"/>
  <c r="P32" i="11"/>
  <c r="P30" i="11"/>
  <c r="R32" i="11"/>
  <c r="O24" i="11"/>
  <c r="Y31" i="11"/>
  <c r="K30" i="11" l="1"/>
  <c r="K28" i="11"/>
  <c r="N16" i="11"/>
  <c r="N17" i="11"/>
  <c r="N14" i="11"/>
  <c r="N18" i="11"/>
  <c r="N15" i="11"/>
  <c r="N19" i="11"/>
  <c r="N13" i="11"/>
  <c r="N9" i="11"/>
  <c r="N12" i="11"/>
  <c r="N8" i="11"/>
  <c r="N10" i="11"/>
  <c r="N11" i="11"/>
  <c r="K29" i="11"/>
  <c r="K27" i="11"/>
  <c r="K26" i="11"/>
  <c r="K24" i="11"/>
  <c r="K31" i="11"/>
  <c r="K32" i="11"/>
  <c r="K25" i="11"/>
</calcChain>
</file>

<file path=xl/sharedStrings.xml><?xml version="1.0" encoding="utf-8"?>
<sst xmlns="http://schemas.openxmlformats.org/spreadsheetml/2006/main" count="102" uniqueCount="83">
  <si>
    <t>Inning</t>
  </si>
  <si>
    <t>Catcher</t>
  </si>
  <si>
    <t>Shortstop</t>
  </si>
  <si>
    <t>Pitcher</t>
  </si>
  <si>
    <t># of Innings</t>
  </si>
  <si>
    <t>2nd Base</t>
  </si>
  <si>
    <t>3rd Base</t>
  </si>
  <si>
    <t>Rt Field</t>
  </si>
  <si>
    <t>Lft Field</t>
  </si>
  <si>
    <t>1st Base</t>
  </si>
  <si>
    <t>Number</t>
  </si>
  <si>
    <t>Order</t>
  </si>
  <si>
    <t>Jersey</t>
  </si>
  <si>
    <t>Position By Inning</t>
  </si>
  <si>
    <t>Infield</t>
  </si>
  <si>
    <t>Outfield</t>
  </si>
  <si>
    <t>Sit</t>
  </si>
  <si>
    <t>P</t>
  </si>
  <si>
    <t>C</t>
  </si>
  <si>
    <t>1B</t>
  </si>
  <si>
    <t>2B</t>
  </si>
  <si>
    <t>SS</t>
  </si>
  <si>
    <t>3B</t>
  </si>
  <si>
    <t>LF</t>
  </si>
  <si>
    <t>RF</t>
  </si>
  <si>
    <t>Name</t>
  </si>
  <si>
    <t>Home:</t>
  </si>
  <si>
    <t>Away:</t>
  </si>
  <si>
    <t xml:space="preserve"> </t>
  </si>
  <si>
    <t>Ctr Field</t>
  </si>
  <si>
    <t>CF</t>
  </si>
  <si>
    <t>Max Sit</t>
  </si>
  <si>
    <t>Minimum</t>
  </si>
  <si>
    <t>PLAYER LINE-UP WORKSHEET</t>
  </si>
  <si>
    <t>Players per Position</t>
  </si>
  <si>
    <t>Players in Field:</t>
  </si>
  <si>
    <t>Abbrev</t>
  </si>
  <si>
    <t>Batting</t>
  </si>
  <si>
    <t>Player Name</t>
  </si>
  <si>
    <t>Game Date:</t>
  </si>
  <si>
    <t>Max Innings</t>
  </si>
  <si>
    <t>@ Position</t>
  </si>
  <si>
    <t/>
  </si>
  <si>
    <t>Balance</t>
  </si>
  <si>
    <t>Highlight Inning:</t>
  </si>
  <si>
    <t>Left Field</t>
  </si>
  <si>
    <t>Right Field</t>
  </si>
  <si>
    <t>Batting Order</t>
  </si>
  <si>
    <t>Instructions</t>
  </si>
  <si>
    <t>Enter Team Name in cell A2</t>
  </si>
  <si>
    <t>Enter Game Date in C4</t>
  </si>
  <si>
    <t>Enter Home and Away Team &amp; Coach Ifo</t>
  </si>
  <si>
    <t>Enter Batting Lineup n top Box</t>
  </si>
  <si>
    <t xml:space="preserve">  Jersey Numbers in Col B</t>
  </si>
  <si>
    <t xml:space="preserve">  Players First and Last Names in Col C</t>
  </si>
  <si>
    <t xml:space="preserve">  Put a space in the jersey number field for</t>
  </si>
  <si>
    <t xml:space="preserve">    unused spots in the batting order and names</t>
  </si>
  <si>
    <t xml:space="preserve">   (do not just delete)</t>
  </si>
  <si>
    <t>Fill out the fielding line-up for each ininng.</t>
  </si>
  <si>
    <t>Modify Fielding positions until errors are corrected</t>
  </si>
  <si>
    <t>Print 3 copies of the Printable Line-up Tab and</t>
  </si>
  <si>
    <t xml:space="preserve">  bring to the game (Umpire, Opposing Coach, Team)</t>
  </si>
  <si>
    <t>Graphical Tab is to view your inning by inning</t>
  </si>
  <si>
    <t xml:space="preserve">  line-up to help "visualize" each inning.</t>
  </si>
  <si>
    <t>Infireld</t>
  </si>
  <si>
    <t>Player is not scheduled the minimum number or</t>
  </si>
  <si>
    <t>innings in the Outfield</t>
  </si>
  <si>
    <t>innings in the Infield</t>
  </si>
  <si>
    <t>Player is scheduled to sit more innings than allowed</t>
  </si>
  <si>
    <t>based on the number of players in the line-up</t>
  </si>
  <si>
    <t xml:space="preserve">Player is sitting twice (or three times) before all </t>
  </si>
  <si>
    <t>players have sat at least once (or twice.)</t>
  </si>
  <si>
    <t>Max Inn</t>
  </si>
  <si>
    <t>At least one player is scheduled to play a position</t>
  </si>
  <si>
    <t>more innings than allowed per game</t>
  </si>
  <si>
    <r>
      <t xml:space="preserve">NOTE:  </t>
    </r>
    <r>
      <rPr>
        <sz val="10"/>
        <rFont val="Franklin Gothic Book"/>
        <family val="2"/>
      </rPr>
      <t>if a player is scheduled to pitch in non consecutive</t>
    </r>
  </si>
  <si>
    <t>innings, there is no error shown.  This any any other rules not</t>
  </si>
  <si>
    <t>specifically aaddressed by this tool. are still valid. Coaches are</t>
  </si>
  <si>
    <t>responsible to ensure their line-ups meet all rules.</t>
  </si>
  <si>
    <r>
      <t xml:space="preserve">Errors (Will appear in </t>
    </r>
    <r>
      <rPr>
        <b/>
        <u/>
        <sz val="10"/>
        <color indexed="10"/>
        <rFont val="Franklin Gothic Book"/>
        <family val="2"/>
      </rPr>
      <t>Red</t>
    </r>
    <r>
      <rPr>
        <b/>
        <u/>
        <sz val="10"/>
        <rFont val="Franklin Gothic Book"/>
        <family val="2"/>
      </rPr>
      <t>)</t>
    </r>
  </si>
  <si>
    <t>If any items to the left are highlighted in red either that position</t>
  </si>
  <si>
    <t>has not been assigned for that inning or has been assigned to</t>
  </si>
  <si>
    <t xml:space="preserve"> more than one player in the same inning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3" formatCode="_(* #,##0.00_);_(* \(#,##0.00\);_(* &quot;-&quot;??_);_(@_)"/>
    <numFmt numFmtId="164" formatCode="[$-409]mmmm\ d\,\ yyyy;@"/>
    <numFmt numFmtId="165" formatCode="_(* #,##0_);_(* \(#,##0\);_(* &quot;-&quot;??_);_(@_)"/>
  </numFmts>
  <fonts count="23" x14ac:knownFonts="1">
    <font>
      <sz val="10"/>
      <name val="Arial"/>
    </font>
    <font>
      <sz val="10"/>
      <name val="Arial"/>
      <family val="2"/>
    </font>
    <font>
      <sz val="10"/>
      <name val="Franklin Gothic Book"/>
      <family val="2"/>
    </font>
    <font>
      <sz val="8"/>
      <name val="Arial"/>
      <family val="2"/>
    </font>
    <font>
      <sz val="16"/>
      <name val="Arial"/>
      <family val="2"/>
    </font>
    <font>
      <b/>
      <i/>
      <sz val="16"/>
      <color indexed="16"/>
      <name val="Arial"/>
      <family val="2"/>
    </font>
    <font>
      <sz val="16"/>
      <color indexed="8"/>
      <name val="Arial"/>
      <family val="2"/>
    </font>
    <font>
      <sz val="16"/>
      <name val="Franklin Gothic Book"/>
      <family val="2"/>
    </font>
    <font>
      <sz val="10"/>
      <color indexed="12"/>
      <name val="Franklin Gothic Book"/>
      <family val="2"/>
    </font>
    <font>
      <sz val="10"/>
      <color indexed="12"/>
      <name val="Arial"/>
      <family val="2"/>
    </font>
    <font>
      <b/>
      <sz val="10"/>
      <name val="Franklin Gothic Book"/>
    </font>
    <font>
      <b/>
      <sz val="10"/>
      <color indexed="12"/>
      <name val="Franklin Gothic Book"/>
    </font>
    <font>
      <b/>
      <sz val="10"/>
      <name val="Arial"/>
      <family val="2"/>
    </font>
    <font>
      <b/>
      <sz val="10"/>
      <name val="Franklin Gothic Book"/>
      <family val="2"/>
    </font>
    <font>
      <b/>
      <sz val="10"/>
      <name val="Arial"/>
      <family val="2"/>
    </font>
    <font>
      <b/>
      <sz val="10"/>
      <color indexed="12"/>
      <name val="Arial"/>
      <family val="2"/>
    </font>
    <font>
      <b/>
      <sz val="12"/>
      <name val="Arial"/>
      <family val="2"/>
    </font>
    <font>
      <b/>
      <sz val="11"/>
      <name val="Arial"/>
      <family val="2"/>
    </font>
    <font>
      <sz val="12"/>
      <name val="Arial"/>
      <family val="2"/>
    </font>
    <font>
      <b/>
      <u/>
      <sz val="10"/>
      <name val="Arial"/>
      <family val="2"/>
    </font>
    <font>
      <sz val="9"/>
      <name val="Tahoma"/>
      <family val="2"/>
    </font>
    <font>
      <b/>
      <u/>
      <sz val="10"/>
      <name val="Franklin Gothic Book"/>
      <family val="2"/>
    </font>
    <font>
      <b/>
      <u/>
      <sz val="10"/>
      <color indexed="10"/>
      <name val="Franklin Gothic Book"/>
      <family val="2"/>
    </font>
  </fonts>
  <fills count="4">
    <fill>
      <patternFill patternType="none"/>
    </fill>
    <fill>
      <patternFill patternType="gray125"/>
    </fill>
    <fill>
      <patternFill patternType="solid">
        <fgColor indexed="22"/>
        <bgColor indexed="24"/>
      </patternFill>
    </fill>
    <fill>
      <patternFill patternType="solid">
        <fgColor indexed="9"/>
        <bgColor indexed="24"/>
      </patternFill>
    </fill>
  </fills>
  <borders count="25">
    <border>
      <left/>
      <right/>
      <top/>
      <bottom/>
      <diagonal/>
    </border>
    <border>
      <left style="thin">
        <color indexed="21"/>
      </left>
      <right/>
      <top style="thick">
        <color indexed="21"/>
      </top>
      <bottom style="thin">
        <color indexed="64"/>
      </bottom>
      <diagonal/>
    </border>
    <border>
      <left/>
      <right/>
      <top style="thick">
        <color indexed="21"/>
      </top>
      <bottom style="thin">
        <color indexed="64"/>
      </bottom>
      <diagonal/>
    </border>
    <border>
      <left style="thin">
        <color indexed="21"/>
      </left>
      <right/>
      <top/>
      <bottom/>
      <diagonal/>
    </border>
    <border>
      <left/>
      <right style="thin">
        <color indexed="2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ck">
        <color indexed="21"/>
      </bottom>
      <diagonal/>
    </border>
    <border>
      <left style="thin">
        <color indexed="64"/>
      </left>
      <right style="thin">
        <color indexed="64"/>
      </right>
      <top/>
      <bottom style="thick">
        <color indexed="21"/>
      </bottom>
      <diagonal/>
    </border>
    <border>
      <left/>
      <right style="thin">
        <color indexed="21"/>
      </right>
      <top/>
      <bottom style="thick">
        <color indexed="21"/>
      </bottom>
      <diagonal/>
    </border>
    <border>
      <left style="thin">
        <color indexed="21"/>
      </left>
      <right/>
      <top/>
      <bottom style="thick">
        <color indexed="21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21"/>
      </right>
      <top style="thick">
        <color indexed="21"/>
      </top>
      <bottom style="thin">
        <color indexed="64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102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4" fillId="0" borderId="0" xfId="0" applyFont="1"/>
    <xf numFmtId="0" fontId="5" fillId="2" borderId="1" xfId="0" applyFont="1" applyFill="1" applyBorder="1" applyAlignment="1">
      <alignment horizontal="center"/>
    </xf>
    <xf numFmtId="0" fontId="5" fillId="2" borderId="2" xfId="0" applyFont="1" applyFill="1" applyBorder="1" applyAlignment="1">
      <alignment horizontal="center"/>
    </xf>
    <xf numFmtId="0" fontId="6" fillId="2" borderId="3" xfId="0" applyFont="1" applyFill="1" applyBorder="1" applyAlignment="1"/>
    <xf numFmtId="0" fontId="6" fillId="2" borderId="0" xfId="0" applyFont="1" applyFill="1" applyBorder="1" applyAlignment="1"/>
    <xf numFmtId="0" fontId="7" fillId="0" borderId="0" xfId="0" applyFont="1"/>
    <xf numFmtId="0" fontId="6" fillId="2" borderId="4" xfId="0" applyFont="1" applyFill="1" applyBorder="1" applyAlignment="1">
      <alignment horizontal="center"/>
    </xf>
    <xf numFmtId="0" fontId="6" fillId="2" borderId="5" xfId="0" applyFont="1" applyFill="1" applyBorder="1" applyAlignment="1">
      <alignment horizontal="center"/>
    </xf>
    <xf numFmtId="0" fontId="6" fillId="3" borderId="0" xfId="0" applyFont="1" applyFill="1" applyBorder="1" applyAlignment="1">
      <alignment vertical="center"/>
    </xf>
    <xf numFmtId="0" fontId="6" fillId="3" borderId="6" xfId="0" applyFont="1" applyFill="1" applyBorder="1" applyAlignment="1">
      <alignment horizontal="center" vertical="center"/>
    </xf>
    <xf numFmtId="0" fontId="6" fillId="3" borderId="4" xfId="0" applyFont="1" applyFill="1" applyBorder="1" applyAlignment="1">
      <alignment horizontal="center" vertical="center"/>
    </xf>
    <xf numFmtId="0" fontId="0" fillId="0" borderId="0" xfId="0" applyAlignment="1">
      <alignment vertical="center"/>
    </xf>
    <xf numFmtId="0" fontId="6" fillId="2" borderId="0" xfId="0" applyFont="1" applyFill="1" applyBorder="1" applyAlignment="1">
      <alignment vertical="center"/>
    </xf>
    <xf numFmtId="0" fontId="6" fillId="2" borderId="6" xfId="0" applyFont="1" applyFill="1" applyBorder="1" applyAlignment="1">
      <alignment horizontal="center" vertical="center"/>
    </xf>
    <xf numFmtId="0" fontId="6" fillId="2" borderId="4" xfId="0" applyFont="1" applyFill="1" applyBorder="1" applyAlignment="1">
      <alignment horizontal="center" vertical="center"/>
    </xf>
    <xf numFmtId="0" fontId="6" fillId="3" borderId="7" xfId="0" applyFont="1" applyFill="1" applyBorder="1" applyAlignment="1">
      <alignment vertical="center"/>
    </xf>
    <xf numFmtId="0" fontId="6" fillId="3" borderId="8" xfId="0" applyFont="1" applyFill="1" applyBorder="1" applyAlignment="1">
      <alignment horizontal="center" vertical="center"/>
    </xf>
    <xf numFmtId="0" fontId="6" fillId="3" borderId="9" xfId="0" applyFont="1" applyFill="1" applyBorder="1" applyAlignment="1">
      <alignment horizontal="center" vertical="center"/>
    </xf>
    <xf numFmtId="0" fontId="6" fillId="3" borderId="3" xfId="0" applyFont="1" applyFill="1" applyBorder="1" applyAlignment="1">
      <alignment horizontal="center" vertical="center"/>
    </xf>
    <xf numFmtId="0" fontId="6" fillId="2" borderId="3" xfId="0" applyFont="1" applyFill="1" applyBorder="1" applyAlignment="1">
      <alignment horizontal="center" vertical="center"/>
    </xf>
    <xf numFmtId="0" fontId="6" fillId="3" borderId="10" xfId="0" applyFont="1" applyFill="1" applyBorder="1" applyAlignment="1">
      <alignment horizontal="center" vertical="center"/>
    </xf>
    <xf numFmtId="0" fontId="8" fillId="0" borderId="0" xfId="0" applyFont="1" applyProtection="1">
      <protection locked="0"/>
    </xf>
    <xf numFmtId="0" fontId="2" fillId="0" borderId="0" xfId="0" applyFont="1" applyAlignment="1">
      <alignment horizontal="right"/>
    </xf>
    <xf numFmtId="0" fontId="11" fillId="0" borderId="0" xfId="0" applyFont="1" applyAlignment="1" applyProtection="1">
      <alignment horizontal="center"/>
      <protection locked="0"/>
    </xf>
    <xf numFmtId="0" fontId="10" fillId="0" borderId="0" xfId="0" applyFont="1" applyAlignment="1" applyProtection="1">
      <alignment horizontal="center"/>
    </xf>
    <xf numFmtId="0" fontId="10" fillId="0" borderId="11" xfId="0" applyFont="1" applyBorder="1" applyAlignment="1">
      <alignment horizontal="center"/>
    </xf>
    <xf numFmtId="0" fontId="12" fillId="0" borderId="11" xfId="0" applyFont="1" applyBorder="1"/>
    <xf numFmtId="0" fontId="13" fillId="0" borderId="11" xfId="0" applyFont="1" applyBorder="1" applyAlignment="1">
      <alignment horizontal="center"/>
    </xf>
    <xf numFmtId="0" fontId="9" fillId="0" borderId="0" xfId="0" applyFont="1"/>
    <xf numFmtId="0" fontId="9" fillId="0" borderId="0" xfId="0" applyFont="1" applyProtection="1">
      <protection locked="0"/>
    </xf>
    <xf numFmtId="0" fontId="14" fillId="0" borderId="0" xfId="0" applyFont="1" applyAlignment="1">
      <alignment horizontal="right"/>
    </xf>
    <xf numFmtId="14" fontId="9" fillId="0" borderId="0" xfId="0" applyNumberFormat="1" applyFont="1" applyAlignment="1" applyProtection="1">
      <alignment horizontal="center"/>
      <protection locked="0"/>
    </xf>
    <xf numFmtId="0" fontId="15" fillId="0" borderId="0" xfId="0" applyFont="1" applyProtection="1">
      <protection locked="0"/>
    </xf>
    <xf numFmtId="0" fontId="4" fillId="0" borderId="0" xfId="0" applyFont="1" applyProtection="1"/>
    <xf numFmtId="0" fontId="16" fillId="0" borderId="0" xfId="0" applyFont="1" applyProtection="1"/>
    <xf numFmtId="0" fontId="17" fillId="0" borderId="0" xfId="0" applyFont="1" applyProtection="1"/>
    <xf numFmtId="0" fontId="2" fillId="0" borderId="11" xfId="0" applyFont="1" applyBorder="1" applyAlignment="1">
      <alignment horizontal="right"/>
    </xf>
    <xf numFmtId="0" fontId="2" fillId="0" borderId="0" xfId="0" quotePrefix="1" applyFont="1"/>
    <xf numFmtId="0" fontId="10" fillId="0" borderId="11" xfId="0" applyFont="1" applyBorder="1"/>
    <xf numFmtId="0" fontId="10" fillId="0" borderId="11" xfId="0" quotePrefix="1" applyFont="1" applyBorder="1"/>
    <xf numFmtId="0" fontId="2" fillId="0" borderId="11" xfId="0" applyFont="1" applyFill="1" applyBorder="1" applyAlignment="1">
      <alignment horizontal="right"/>
    </xf>
    <xf numFmtId="0" fontId="12" fillId="0" borderId="12" xfId="0" applyFont="1" applyBorder="1"/>
    <xf numFmtId="0" fontId="12" fillId="0" borderId="13" xfId="0" applyFont="1" applyBorder="1"/>
    <xf numFmtId="0" fontId="13" fillId="0" borderId="13" xfId="0" applyFont="1" applyBorder="1"/>
    <xf numFmtId="0" fontId="10" fillId="0" borderId="13" xfId="0" applyFont="1" applyBorder="1" applyAlignment="1">
      <alignment horizontal="center"/>
    </xf>
    <xf numFmtId="0" fontId="12" fillId="0" borderId="14" xfId="0" applyFont="1" applyBorder="1"/>
    <xf numFmtId="0" fontId="2" fillId="0" borderId="0" xfId="0" applyFont="1" applyBorder="1"/>
    <xf numFmtId="0" fontId="13" fillId="0" borderId="15" xfId="0" applyFont="1" applyBorder="1" applyAlignment="1">
      <alignment horizontal="center"/>
    </xf>
    <xf numFmtId="0" fontId="1" fillId="0" borderId="16" xfId="0" applyFont="1" applyBorder="1" applyAlignment="1">
      <alignment horizontal="center"/>
    </xf>
    <xf numFmtId="0" fontId="9" fillId="0" borderId="0" xfId="0" applyFont="1" applyBorder="1" applyAlignment="1" applyProtection="1">
      <alignment horizontal="center"/>
      <protection locked="0"/>
    </xf>
    <xf numFmtId="0" fontId="8" fillId="0" borderId="0" xfId="0" applyFont="1" applyBorder="1" applyAlignment="1" applyProtection="1">
      <alignment horizontal="center"/>
      <protection locked="0"/>
    </xf>
    <xf numFmtId="0" fontId="2" fillId="0" borderId="0" xfId="0" applyFont="1" applyBorder="1" applyAlignment="1" applyProtection="1">
      <alignment horizontal="center"/>
    </xf>
    <xf numFmtId="0" fontId="2" fillId="0" borderId="0" xfId="0" applyFont="1" applyBorder="1" applyProtection="1"/>
    <xf numFmtId="0" fontId="2" fillId="0" borderId="17" xfId="0" applyFont="1" applyBorder="1" applyAlignment="1" applyProtection="1">
      <alignment horizontal="center"/>
    </xf>
    <xf numFmtId="0" fontId="1" fillId="0" borderId="18" xfId="0" applyFont="1" applyBorder="1" applyAlignment="1">
      <alignment horizontal="center"/>
    </xf>
    <xf numFmtId="0" fontId="9" fillId="0" borderId="19" xfId="0" applyFont="1" applyBorder="1" applyAlignment="1" applyProtection="1">
      <alignment horizontal="center"/>
      <protection locked="0"/>
    </xf>
    <xf numFmtId="0" fontId="8" fillId="0" borderId="19" xfId="0" applyFont="1" applyBorder="1" applyAlignment="1" applyProtection="1">
      <alignment horizontal="center"/>
      <protection locked="0"/>
    </xf>
    <xf numFmtId="0" fontId="2" fillId="0" borderId="19" xfId="0" applyFont="1" applyBorder="1" applyAlignment="1" applyProtection="1">
      <alignment horizontal="center"/>
    </xf>
    <xf numFmtId="0" fontId="2" fillId="0" borderId="19" xfId="0" applyFont="1" applyBorder="1" applyProtection="1"/>
    <xf numFmtId="0" fontId="2" fillId="0" borderId="20" xfId="0" applyFont="1" applyBorder="1" applyAlignment="1" applyProtection="1">
      <alignment horizontal="center"/>
    </xf>
    <xf numFmtId="0" fontId="1" fillId="0" borderId="12" xfId="0" applyFont="1" applyBorder="1" applyAlignment="1">
      <alignment horizontal="center"/>
    </xf>
    <xf numFmtId="0" fontId="2" fillId="0" borderId="13" xfId="0" applyFont="1" applyBorder="1" applyAlignment="1">
      <alignment horizontal="center"/>
    </xf>
    <xf numFmtId="0" fontId="2" fillId="0" borderId="13" xfId="0" applyFont="1" applyBorder="1"/>
    <xf numFmtId="0" fontId="2" fillId="0" borderId="21" xfId="0" applyFont="1" applyBorder="1"/>
    <xf numFmtId="0" fontId="0" fillId="0" borderId="16" xfId="0" applyBorder="1"/>
    <xf numFmtId="0" fontId="2" fillId="0" borderId="17" xfId="0" applyFont="1" applyBorder="1"/>
    <xf numFmtId="0" fontId="2" fillId="0" borderId="0" xfId="0" applyFont="1" applyBorder="1" applyAlignment="1">
      <alignment horizontal="center"/>
    </xf>
    <xf numFmtId="0" fontId="0" fillId="0" borderId="18" xfId="0" applyBorder="1"/>
    <xf numFmtId="0" fontId="8" fillId="0" borderId="19" xfId="0" applyFont="1" applyBorder="1" applyProtection="1">
      <protection locked="0"/>
    </xf>
    <xf numFmtId="0" fontId="2" fillId="0" borderId="19" xfId="0" applyFont="1" applyBorder="1" applyAlignment="1">
      <alignment horizontal="center"/>
    </xf>
    <xf numFmtId="0" fontId="2" fillId="0" borderId="19" xfId="0" applyFont="1" applyBorder="1"/>
    <xf numFmtId="0" fontId="2" fillId="0" borderId="20" xfId="0" applyFont="1" applyBorder="1"/>
    <xf numFmtId="0" fontId="0" fillId="0" borderId="12" xfId="0" applyBorder="1"/>
    <xf numFmtId="0" fontId="8" fillId="0" borderId="13" xfId="0" applyFont="1" applyBorder="1" applyProtection="1">
      <protection locked="0"/>
    </xf>
    <xf numFmtId="0" fontId="18" fillId="0" borderId="0" xfId="0" applyFont="1" applyAlignment="1">
      <alignment horizontal="right"/>
    </xf>
    <xf numFmtId="0" fontId="15" fillId="0" borderId="0" xfId="0" applyFont="1" applyAlignment="1" applyProtection="1">
      <alignment horizontal="center"/>
      <protection locked="0"/>
    </xf>
    <xf numFmtId="165" fontId="1" fillId="0" borderId="16" xfId="1" applyNumberFormat="1" applyBorder="1"/>
    <xf numFmtId="0" fontId="0" fillId="0" borderId="17" xfId="0" applyBorder="1"/>
    <xf numFmtId="165" fontId="1" fillId="0" borderId="18" xfId="1" applyNumberFormat="1" applyBorder="1"/>
    <xf numFmtId="0" fontId="0" fillId="0" borderId="20" xfId="0" applyBorder="1"/>
    <xf numFmtId="0" fontId="0" fillId="0" borderId="19" xfId="0" applyBorder="1"/>
    <xf numFmtId="0" fontId="20" fillId="0" borderId="0" xfId="0" applyFont="1"/>
    <xf numFmtId="0" fontId="19" fillId="0" borderId="13" xfId="0" applyFont="1" applyBorder="1"/>
    <xf numFmtId="0" fontId="0" fillId="0" borderId="21" xfId="0" applyBorder="1"/>
    <xf numFmtId="0" fontId="0" fillId="0" borderId="0" xfId="0" applyBorder="1"/>
    <xf numFmtId="0" fontId="11" fillId="0" borderId="0" xfId="0" applyFont="1" applyAlignment="1" applyProtection="1">
      <alignment horizontal="center"/>
    </xf>
    <xf numFmtId="0" fontId="13" fillId="0" borderId="0" xfId="0" applyFont="1"/>
    <xf numFmtId="0" fontId="13" fillId="0" borderId="11" xfId="0" applyFont="1" applyBorder="1" applyAlignment="1">
      <alignment horizontal="center"/>
    </xf>
    <xf numFmtId="0" fontId="21" fillId="0" borderId="0" xfId="0" applyFont="1" applyAlignment="1">
      <alignment horizontal="center"/>
    </xf>
    <xf numFmtId="0" fontId="10" fillId="0" borderId="13" xfId="0" applyFont="1" applyBorder="1" applyAlignment="1">
      <alignment horizontal="center"/>
    </xf>
    <xf numFmtId="0" fontId="13" fillId="0" borderId="22" xfId="0" applyFont="1" applyBorder="1" applyAlignment="1">
      <alignment horizontal="center"/>
    </xf>
    <xf numFmtId="0" fontId="13" fillId="0" borderId="23" xfId="0" applyFont="1" applyBorder="1" applyAlignment="1">
      <alignment horizontal="center"/>
    </xf>
    <xf numFmtId="0" fontId="5" fillId="2" borderId="2" xfId="0" applyFont="1" applyFill="1" applyBorder="1" applyAlignment="1">
      <alignment horizontal="center"/>
    </xf>
    <xf numFmtId="0" fontId="5" fillId="2" borderId="24" xfId="0" applyFont="1" applyFill="1" applyBorder="1" applyAlignment="1">
      <alignment horizontal="center"/>
    </xf>
    <xf numFmtId="164" fontId="16" fillId="0" borderId="0" xfId="0" applyNumberFormat="1" applyFont="1" applyAlignment="1" applyProtection="1">
      <alignment horizontal="center"/>
    </xf>
    <xf numFmtId="0" fontId="19" fillId="0" borderId="12" xfId="0" applyFont="1" applyBorder="1" applyAlignment="1">
      <alignment horizontal="center"/>
    </xf>
    <xf numFmtId="0" fontId="19" fillId="0" borderId="21" xfId="0" applyFont="1" applyBorder="1" applyAlignment="1">
      <alignment horizontal="center"/>
    </xf>
    <xf numFmtId="0" fontId="19" fillId="0" borderId="13" xfId="0" applyFont="1" applyBorder="1" applyAlignment="1">
      <alignment horizontal="center"/>
    </xf>
  </cellXfs>
  <cellStyles count="2">
    <cellStyle name="Comma" xfId="1" builtinId="3"/>
    <cellStyle name="Normal" xfId="0" builtinId="0"/>
  </cellStyles>
  <dxfs count="12">
    <dxf>
      <font>
        <b/>
        <i val="0"/>
        <condense val="0"/>
        <extend val="0"/>
        <color auto="1"/>
      </font>
      <fill>
        <patternFill>
          <bgColor indexed="43"/>
        </patternFill>
      </fill>
    </dxf>
    <dxf>
      <font>
        <b/>
        <i val="0"/>
        <condense val="0"/>
        <extend val="0"/>
      </font>
      <fill>
        <patternFill>
          <bgColor indexed="43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30480</xdr:colOff>
      <xdr:row>16</xdr:row>
      <xdr:rowOff>129540</xdr:rowOff>
    </xdr:from>
    <xdr:to>
      <xdr:col>8</xdr:col>
      <xdr:colOff>312420</xdr:colOff>
      <xdr:row>38</xdr:row>
      <xdr:rowOff>76200</xdr:rowOff>
    </xdr:to>
    <xdr:pic>
      <xdr:nvPicPr>
        <xdr:cNvPr id="1243" name="aspimg" descr="SI_C006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49680" y="3032760"/>
          <a:ext cx="3939540" cy="366522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</xdr:col>
      <xdr:colOff>495300</xdr:colOff>
      <xdr:row>27</xdr:row>
      <xdr:rowOff>76200</xdr:rowOff>
    </xdr:from>
    <xdr:to>
      <xdr:col>6</xdr:col>
      <xdr:colOff>381000</xdr:colOff>
      <xdr:row>29</xdr:row>
      <xdr:rowOff>114300</xdr:rowOff>
    </xdr:to>
    <xdr:pic>
      <xdr:nvPicPr>
        <xdr:cNvPr id="1244" name="Picture 2" descr="TVBL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324100" y="4838700"/>
          <a:ext cx="1714500" cy="37338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M216"/>
  <sheetViews>
    <sheetView tabSelected="1" zoomScale="124" workbookViewId="0">
      <selection activeCell="C9" sqref="C9"/>
    </sheetView>
  </sheetViews>
  <sheetFormatPr defaultRowHeight="13.2" x14ac:dyDescent="0.25"/>
  <cols>
    <col min="2" max="2" width="8.5546875" bestFit="1" customWidth="1"/>
    <col min="3" max="3" width="19.44140625" bestFit="1" customWidth="1"/>
    <col min="4" max="9" width="9" bestFit="1" customWidth="1"/>
    <col min="10" max="10" width="10.44140625" bestFit="1" customWidth="1"/>
    <col min="13" max="13" width="0" hidden="1" customWidth="1"/>
    <col min="15" max="27" width="9.109375" hidden="1" customWidth="1"/>
    <col min="29" max="29" width="42.88671875" customWidth="1"/>
  </cols>
  <sheetData>
    <row r="1" spans="1:39" ht="13.8" x14ac:dyDescent="0.3">
      <c r="A1" t="s">
        <v>33</v>
      </c>
      <c r="B1" s="1"/>
      <c r="E1" s="34" t="s">
        <v>26</v>
      </c>
      <c r="F1" s="33"/>
      <c r="G1" s="1"/>
      <c r="H1" s="1"/>
      <c r="I1" s="1"/>
      <c r="J1" s="1"/>
      <c r="L1" s="26" t="s">
        <v>35</v>
      </c>
      <c r="M1" s="27"/>
      <c r="N1" s="89">
        <v>9</v>
      </c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D1" s="1"/>
      <c r="AE1" s="1"/>
      <c r="AF1" s="1"/>
      <c r="AG1" s="1"/>
      <c r="AH1" s="1"/>
      <c r="AI1" s="1"/>
      <c r="AJ1" s="1"/>
      <c r="AK1" s="1"/>
      <c r="AL1" s="1"/>
      <c r="AM1" s="1"/>
    </row>
    <row r="2" spans="1:39" ht="13.8" x14ac:dyDescent="0.3">
      <c r="A2" s="36"/>
      <c r="C2" s="1"/>
      <c r="D2" s="1"/>
      <c r="F2" s="33"/>
      <c r="G2" s="1"/>
      <c r="H2" s="1"/>
      <c r="I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D2" s="1"/>
      <c r="AE2" s="1"/>
      <c r="AF2" s="1"/>
      <c r="AG2" s="1"/>
      <c r="AH2" s="1"/>
      <c r="AI2" s="1"/>
      <c r="AJ2" s="1"/>
      <c r="AK2" s="1"/>
      <c r="AL2" s="1"/>
      <c r="AM2" s="1"/>
    </row>
    <row r="3" spans="1:39" ht="13.8" x14ac:dyDescent="0.3">
      <c r="C3" s="1"/>
      <c r="D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  <c r="AD3" s="1"/>
      <c r="AE3" s="1"/>
      <c r="AF3" s="1"/>
      <c r="AG3" s="1"/>
      <c r="AH3" s="1"/>
      <c r="AI3" s="1"/>
      <c r="AJ3" s="1"/>
      <c r="AK3" s="1"/>
      <c r="AL3" s="1"/>
      <c r="AM3" s="1"/>
    </row>
    <row r="4" spans="1:39" ht="13.8" x14ac:dyDescent="0.3">
      <c r="B4" s="34" t="s">
        <v>39</v>
      </c>
      <c r="C4" s="35"/>
      <c r="D4" s="1"/>
      <c r="E4" s="34" t="s">
        <v>27</v>
      </c>
      <c r="F4" s="33"/>
      <c r="G4" s="1"/>
      <c r="H4" s="1"/>
      <c r="I4" s="1"/>
      <c r="J4" t="s">
        <v>32</v>
      </c>
      <c r="K4" s="1" t="s">
        <v>32</v>
      </c>
      <c r="M4" s="1"/>
      <c r="N4" s="2" t="s">
        <v>31</v>
      </c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D4" s="1"/>
      <c r="AE4" s="1"/>
      <c r="AF4" s="1"/>
      <c r="AG4" s="1"/>
      <c r="AH4" s="1"/>
      <c r="AI4" s="1"/>
      <c r="AJ4" s="1"/>
      <c r="AK4" s="1"/>
      <c r="AL4" s="1"/>
      <c r="AM4" s="1"/>
    </row>
    <row r="5" spans="1:39" ht="14.4" thickBot="1" x14ac:dyDescent="0.35">
      <c r="B5" s="32"/>
      <c r="C5" s="1"/>
      <c r="D5" s="1"/>
      <c r="F5" s="33"/>
      <c r="G5" s="1"/>
      <c r="H5" s="1"/>
      <c r="I5" s="1"/>
      <c r="J5" s="89">
        <v>2</v>
      </c>
      <c r="K5" s="89">
        <v>1</v>
      </c>
      <c r="M5" s="27"/>
      <c r="N5" s="28">
        <f>COUNTA($C$8:$C$20)-N1</f>
        <v>-9</v>
      </c>
      <c r="U5" s="1"/>
      <c r="V5" s="1">
        <f t="shared" ref="V5:AA5" si="0">MIN(V8:V20)</f>
        <v>1</v>
      </c>
      <c r="W5" s="1">
        <f t="shared" si="0"/>
        <v>2</v>
      </c>
      <c r="X5" s="1">
        <f t="shared" si="0"/>
        <v>3</v>
      </c>
      <c r="Y5" s="1">
        <f t="shared" si="0"/>
        <v>4</v>
      </c>
      <c r="Z5" s="1">
        <f t="shared" si="0"/>
        <v>5</v>
      </c>
      <c r="AA5" s="1">
        <f t="shared" si="0"/>
        <v>6</v>
      </c>
      <c r="AB5" s="91" t="s">
        <v>48</v>
      </c>
      <c r="AC5" s="91"/>
      <c r="AD5" s="1"/>
      <c r="AE5" s="1"/>
      <c r="AF5" s="1"/>
      <c r="AG5" s="1"/>
      <c r="AH5" s="1"/>
      <c r="AI5" s="1"/>
      <c r="AJ5" s="1"/>
      <c r="AK5" s="1"/>
      <c r="AL5" s="1"/>
      <c r="AM5" s="1"/>
    </row>
    <row r="6" spans="1:39" ht="13.8" x14ac:dyDescent="0.3">
      <c r="A6" s="45" t="s">
        <v>37</v>
      </c>
      <c r="B6" s="46" t="s">
        <v>12</v>
      </c>
      <c r="C6" s="47"/>
      <c r="D6" s="93" t="s">
        <v>0</v>
      </c>
      <c r="E6" s="93"/>
      <c r="F6" s="93"/>
      <c r="G6" s="93"/>
      <c r="H6" s="93"/>
      <c r="I6" s="93"/>
      <c r="J6" s="94" t="s">
        <v>4</v>
      </c>
      <c r="K6" s="94"/>
      <c r="L6" s="94"/>
      <c r="M6" s="94"/>
      <c r="N6" s="95"/>
      <c r="U6" s="1"/>
      <c r="V6" s="41" t="s">
        <v>42</v>
      </c>
      <c r="W6" s="1"/>
      <c r="X6" s="1"/>
      <c r="Y6" s="1"/>
      <c r="Z6" s="1"/>
      <c r="AA6" s="1"/>
      <c r="AB6" s="2">
        <v>1</v>
      </c>
      <c r="AC6" s="1" t="s">
        <v>49</v>
      </c>
      <c r="AD6" s="1"/>
      <c r="AE6" s="1"/>
      <c r="AF6" s="1"/>
      <c r="AG6" s="1"/>
      <c r="AH6" s="1"/>
      <c r="AI6" s="1"/>
      <c r="AJ6" s="1"/>
      <c r="AK6" s="1"/>
      <c r="AL6" s="1"/>
      <c r="AM6" s="1"/>
    </row>
    <row r="7" spans="1:39" ht="13.8" x14ac:dyDescent="0.3">
      <c r="A7" s="49" t="s">
        <v>11</v>
      </c>
      <c r="B7" s="30" t="s">
        <v>10</v>
      </c>
      <c r="C7" s="31" t="s">
        <v>38</v>
      </c>
      <c r="D7" s="29">
        <v>1</v>
      </c>
      <c r="E7" s="29">
        <v>2</v>
      </c>
      <c r="F7" s="29">
        <v>3</v>
      </c>
      <c r="G7" s="29">
        <v>4</v>
      </c>
      <c r="H7" s="29">
        <v>5</v>
      </c>
      <c r="I7" s="29">
        <v>6</v>
      </c>
      <c r="J7" s="31" t="s">
        <v>14</v>
      </c>
      <c r="K7" s="31" t="s">
        <v>15</v>
      </c>
      <c r="L7" s="31" t="s">
        <v>16</v>
      </c>
      <c r="M7" s="50"/>
      <c r="N7" s="51" t="s">
        <v>43</v>
      </c>
      <c r="O7" s="44">
        <v>1</v>
      </c>
      <c r="P7" s="40">
        <v>2</v>
      </c>
      <c r="Q7" s="40">
        <v>3</v>
      </c>
      <c r="R7" s="40">
        <v>4</v>
      </c>
      <c r="S7" s="40">
        <v>5</v>
      </c>
      <c r="T7" s="40">
        <v>6</v>
      </c>
      <c r="U7" s="1"/>
      <c r="V7" s="44">
        <v>1</v>
      </c>
      <c r="W7" s="40">
        <v>2</v>
      </c>
      <c r="X7" s="40">
        <v>3</v>
      </c>
      <c r="Y7" s="40">
        <v>4</v>
      </c>
      <c r="Z7" s="40">
        <v>5</v>
      </c>
      <c r="AA7" s="40">
        <v>6</v>
      </c>
      <c r="AB7" s="2">
        <v>2</v>
      </c>
      <c r="AC7" s="1" t="s">
        <v>50</v>
      </c>
      <c r="AD7" s="1"/>
      <c r="AE7" s="1"/>
      <c r="AF7" s="1"/>
      <c r="AG7" s="1"/>
      <c r="AH7" s="1"/>
      <c r="AI7" s="1"/>
      <c r="AJ7" s="1"/>
      <c r="AK7" s="1"/>
      <c r="AL7" s="1"/>
      <c r="AM7" s="1"/>
    </row>
    <row r="8" spans="1:39" ht="13.8" x14ac:dyDescent="0.3">
      <c r="A8" s="52">
        <v>1</v>
      </c>
      <c r="B8" s="53"/>
      <c r="C8" s="54"/>
      <c r="D8" s="54"/>
      <c r="E8" s="54"/>
      <c r="F8" s="54"/>
      <c r="G8" s="54"/>
      <c r="H8" s="54"/>
      <c r="I8" s="54"/>
      <c r="J8" s="55" t="str">
        <f t="shared" ref="J8:J20" si="1">IF(ISBLANK(C8),"",COUNTIF($D$24:$I$29,M8))</f>
        <v/>
      </c>
      <c r="K8" s="55" t="str">
        <f t="shared" ref="K8:K20" si="2">IF(ISBLANK(C8),"",COUNTIF($D$30:$I$33,M8))</f>
        <v/>
      </c>
      <c r="L8" s="55" t="str">
        <f t="shared" ref="L8:L20" si="3">IF(ISBLANK(C8),"",6-COUNTA(D8:I8))</f>
        <v/>
      </c>
      <c r="M8" s="56" t="str">
        <f t="shared" ref="M8:M20" si="4">IF(ISBLANK(C8),"",IF(ISERR(MID(C8,FIND(" ",C8)+1,25)),C8,MID(C8,FIND(" ",C8)+1,25)))</f>
        <v/>
      </c>
      <c r="N8" s="57" t="str">
        <f>IF(MAX(O8:T8)&gt;0,"ERR","")</f>
        <v/>
      </c>
      <c r="O8">
        <f>IF(ISBLANK($C8),0,IF((V8-V$5)&gt;1,1,0))</f>
        <v>0</v>
      </c>
      <c r="P8">
        <f t="shared" ref="P8:P20" si="5">IF(ISBLANK($C8),0,IF((W8-W$5)&gt;1,1,0))</f>
        <v>0</v>
      </c>
      <c r="Q8">
        <f t="shared" ref="Q8:Q20" si="6">IF(ISBLANK($C8),0,IF((X8-X$5)&gt;1,1,0))</f>
        <v>0</v>
      </c>
      <c r="R8">
        <f t="shared" ref="R8:R20" si="7">IF(ISBLANK($C8),0,IF((Y8-Y$5)&gt;1,1,0))</f>
        <v>0</v>
      </c>
      <c r="S8">
        <f t="shared" ref="S8:S20" si="8">IF(ISBLANK($C8),0,IF((Z8-Z$5)&gt;1,1,0))</f>
        <v>0</v>
      </c>
      <c r="T8">
        <f t="shared" ref="T8:T20" si="9">IF(ISBLANK($C8),0,IF((AA8-AA$5)&gt;1,1,0))</f>
        <v>0</v>
      </c>
      <c r="U8" s="1"/>
      <c r="V8">
        <f>COUNTIF($D8:D8,$V$6)</f>
        <v>1</v>
      </c>
      <c r="W8">
        <f>COUNTIF($D8:E8,$V$6)</f>
        <v>2</v>
      </c>
      <c r="X8">
        <f>COUNTIF($D8:F8,$V$6)</f>
        <v>3</v>
      </c>
      <c r="Y8">
        <f>COUNTIF($D8:G8,$V$6)</f>
        <v>4</v>
      </c>
      <c r="Z8">
        <f>COUNTIF($D8:H8,$V$6)</f>
        <v>5</v>
      </c>
      <c r="AA8">
        <f>COUNTIF($D8:I8,$V$6)</f>
        <v>6</v>
      </c>
      <c r="AB8" s="2">
        <v>3</v>
      </c>
      <c r="AC8" s="1" t="s">
        <v>51</v>
      </c>
      <c r="AD8" s="1"/>
      <c r="AE8" s="1"/>
      <c r="AF8" s="1"/>
      <c r="AG8" s="1"/>
      <c r="AH8" s="1"/>
      <c r="AI8" s="1"/>
      <c r="AJ8" s="1"/>
      <c r="AK8" s="1"/>
      <c r="AL8" s="1"/>
      <c r="AM8" s="1"/>
    </row>
    <row r="9" spans="1:39" ht="13.8" x14ac:dyDescent="0.3">
      <c r="A9" s="52">
        <v>2</v>
      </c>
      <c r="B9" s="53"/>
      <c r="C9" s="54"/>
      <c r="D9" s="54"/>
      <c r="E9" s="54"/>
      <c r="F9" s="54"/>
      <c r="G9" s="54"/>
      <c r="H9" s="54"/>
      <c r="I9" s="54"/>
      <c r="J9" s="55" t="str">
        <f t="shared" si="1"/>
        <v/>
      </c>
      <c r="K9" s="55" t="str">
        <f t="shared" si="2"/>
        <v/>
      </c>
      <c r="L9" s="55" t="str">
        <f t="shared" si="3"/>
        <v/>
      </c>
      <c r="M9" s="56" t="str">
        <f t="shared" si="4"/>
        <v/>
      </c>
      <c r="N9" s="57" t="str">
        <f t="shared" ref="N9:N20" si="10">IF(MAX(O9:T9)&gt;0,"ERR","")</f>
        <v/>
      </c>
      <c r="O9">
        <f t="shared" ref="O9:O20" si="11">IF(ISBLANK($C9),0,IF((V9-V$5)&gt;1,1,0))</f>
        <v>0</v>
      </c>
      <c r="P9">
        <f t="shared" si="5"/>
        <v>0</v>
      </c>
      <c r="Q9">
        <f t="shared" si="6"/>
        <v>0</v>
      </c>
      <c r="R9">
        <f t="shared" si="7"/>
        <v>0</v>
      </c>
      <c r="S9">
        <f t="shared" si="8"/>
        <v>0</v>
      </c>
      <c r="T9">
        <f t="shared" si="9"/>
        <v>0</v>
      </c>
      <c r="U9" s="1"/>
      <c r="V9">
        <f>COUNTIF($D9:D9,$V$6)</f>
        <v>1</v>
      </c>
      <c r="W9">
        <f>COUNTIF($D9:E9,$V$6)</f>
        <v>2</v>
      </c>
      <c r="X9">
        <f>COUNTIF($D9:F9,$V$6)</f>
        <v>3</v>
      </c>
      <c r="Y9">
        <f>COUNTIF($D9:G9,$V$6)</f>
        <v>4</v>
      </c>
      <c r="Z9">
        <f>COUNTIF($D9:H9,$V$6)</f>
        <v>5</v>
      </c>
      <c r="AA9">
        <f>COUNTIF($D9:I9,$V$6)</f>
        <v>6</v>
      </c>
      <c r="AB9" s="2">
        <v>4</v>
      </c>
      <c r="AC9" s="1" t="s">
        <v>52</v>
      </c>
      <c r="AD9" s="1"/>
      <c r="AE9" s="1"/>
      <c r="AF9" s="1"/>
      <c r="AG9" s="1"/>
      <c r="AH9" s="1"/>
      <c r="AI9" s="1"/>
      <c r="AJ9" s="1"/>
      <c r="AK9" s="1"/>
      <c r="AL9" s="1"/>
      <c r="AM9" s="1"/>
    </row>
    <row r="10" spans="1:39" ht="13.8" x14ac:dyDescent="0.3">
      <c r="A10" s="52">
        <v>3</v>
      </c>
      <c r="B10" s="53"/>
      <c r="C10" s="54"/>
      <c r="D10" s="54"/>
      <c r="E10" s="54"/>
      <c r="F10" s="54"/>
      <c r="G10" s="54"/>
      <c r="H10" s="54"/>
      <c r="I10" s="54"/>
      <c r="J10" s="55" t="str">
        <f t="shared" si="1"/>
        <v/>
      </c>
      <c r="K10" s="55" t="str">
        <f t="shared" si="2"/>
        <v/>
      </c>
      <c r="L10" s="55" t="str">
        <f t="shared" si="3"/>
        <v/>
      </c>
      <c r="M10" s="56" t="str">
        <f t="shared" si="4"/>
        <v/>
      </c>
      <c r="N10" s="57" t="str">
        <f t="shared" si="10"/>
        <v/>
      </c>
      <c r="O10">
        <f t="shared" si="11"/>
        <v>0</v>
      </c>
      <c r="P10">
        <f t="shared" si="5"/>
        <v>0</v>
      </c>
      <c r="Q10">
        <f t="shared" si="6"/>
        <v>0</v>
      </c>
      <c r="R10">
        <f t="shared" si="7"/>
        <v>0</v>
      </c>
      <c r="S10">
        <f t="shared" si="8"/>
        <v>0</v>
      </c>
      <c r="T10">
        <f t="shared" si="9"/>
        <v>0</v>
      </c>
      <c r="U10" s="1"/>
      <c r="V10">
        <f>COUNTIF($D10:D10,$V$6)</f>
        <v>1</v>
      </c>
      <c r="W10">
        <f>COUNTIF($D10:E10,$V$6)</f>
        <v>2</v>
      </c>
      <c r="X10">
        <f>COUNTIF($D10:F10,$V$6)</f>
        <v>3</v>
      </c>
      <c r="Y10">
        <f>COUNTIF($D10:G10,$V$6)</f>
        <v>4</v>
      </c>
      <c r="Z10">
        <f>COUNTIF($D10:H10,$V$6)</f>
        <v>5</v>
      </c>
      <c r="AA10">
        <f>COUNTIF($D10:I10,$V$6)</f>
        <v>6</v>
      </c>
      <c r="AB10" s="2"/>
      <c r="AC10" s="1" t="s">
        <v>53</v>
      </c>
      <c r="AD10" s="1"/>
      <c r="AE10" s="1"/>
      <c r="AF10" s="1"/>
      <c r="AG10" s="1"/>
      <c r="AH10" s="1"/>
      <c r="AI10" s="1"/>
      <c r="AJ10" s="1"/>
      <c r="AK10" s="1"/>
      <c r="AL10" s="1"/>
      <c r="AM10" s="1"/>
    </row>
    <row r="11" spans="1:39" ht="13.8" x14ac:dyDescent="0.3">
      <c r="A11" s="52">
        <v>4</v>
      </c>
      <c r="B11" s="53"/>
      <c r="C11" s="54"/>
      <c r="D11" s="54"/>
      <c r="E11" s="54"/>
      <c r="F11" s="54"/>
      <c r="G11" s="54"/>
      <c r="H11" s="54"/>
      <c r="I11" s="54"/>
      <c r="J11" s="55" t="str">
        <f t="shared" si="1"/>
        <v/>
      </c>
      <c r="K11" s="55" t="str">
        <f t="shared" si="2"/>
        <v/>
      </c>
      <c r="L11" s="55" t="str">
        <f t="shared" si="3"/>
        <v/>
      </c>
      <c r="M11" s="56" t="str">
        <f t="shared" si="4"/>
        <v/>
      </c>
      <c r="N11" s="57" t="str">
        <f t="shared" si="10"/>
        <v/>
      </c>
      <c r="O11">
        <f t="shared" si="11"/>
        <v>0</v>
      </c>
      <c r="P11">
        <f t="shared" si="5"/>
        <v>0</v>
      </c>
      <c r="Q11">
        <f t="shared" si="6"/>
        <v>0</v>
      </c>
      <c r="R11">
        <f t="shared" si="7"/>
        <v>0</v>
      </c>
      <c r="S11">
        <f t="shared" si="8"/>
        <v>0</v>
      </c>
      <c r="T11">
        <f t="shared" si="9"/>
        <v>0</v>
      </c>
      <c r="U11" s="1"/>
      <c r="V11">
        <f>COUNTIF($D11:D11,$V$6)</f>
        <v>1</v>
      </c>
      <c r="W11">
        <f>COUNTIF($D11:E11,$V$6)</f>
        <v>2</v>
      </c>
      <c r="X11">
        <f>COUNTIF($D11:F11,$V$6)</f>
        <v>3</v>
      </c>
      <c r="Y11">
        <f>COUNTIF($D11:G11,$V$6)</f>
        <v>4</v>
      </c>
      <c r="Z11">
        <f>COUNTIF($D11:H11,$V$6)</f>
        <v>5</v>
      </c>
      <c r="AA11">
        <f>COUNTIF($D11:I11,$V$6)</f>
        <v>6</v>
      </c>
      <c r="AB11" s="2"/>
      <c r="AC11" s="1" t="s">
        <v>54</v>
      </c>
      <c r="AD11" s="1"/>
      <c r="AE11" s="1"/>
      <c r="AF11" s="1"/>
      <c r="AG11" s="1"/>
      <c r="AH11" s="1"/>
      <c r="AI11" s="1"/>
      <c r="AJ11" s="1"/>
      <c r="AK11" s="1"/>
      <c r="AL11" s="1"/>
      <c r="AM11" s="1"/>
    </row>
    <row r="12" spans="1:39" ht="13.8" x14ac:dyDescent="0.3">
      <c r="A12" s="52">
        <v>5</v>
      </c>
      <c r="B12" s="53"/>
      <c r="C12" s="54"/>
      <c r="D12" s="54"/>
      <c r="E12" s="54"/>
      <c r="F12" s="54"/>
      <c r="G12" s="54"/>
      <c r="H12" s="54"/>
      <c r="I12" s="54"/>
      <c r="J12" s="55" t="str">
        <f t="shared" si="1"/>
        <v/>
      </c>
      <c r="K12" s="55" t="str">
        <f t="shared" si="2"/>
        <v/>
      </c>
      <c r="L12" s="55" t="str">
        <f t="shared" si="3"/>
        <v/>
      </c>
      <c r="M12" s="56" t="str">
        <f t="shared" si="4"/>
        <v/>
      </c>
      <c r="N12" s="57" t="str">
        <f t="shared" si="10"/>
        <v/>
      </c>
      <c r="O12">
        <f t="shared" si="11"/>
        <v>0</v>
      </c>
      <c r="P12">
        <f t="shared" si="5"/>
        <v>0</v>
      </c>
      <c r="Q12">
        <f t="shared" si="6"/>
        <v>0</v>
      </c>
      <c r="R12">
        <f t="shared" si="7"/>
        <v>0</v>
      </c>
      <c r="S12">
        <f t="shared" si="8"/>
        <v>0</v>
      </c>
      <c r="T12">
        <f t="shared" si="9"/>
        <v>0</v>
      </c>
      <c r="U12" s="1"/>
      <c r="V12">
        <f>COUNTIF($D12:D12,$V$6)</f>
        <v>1</v>
      </c>
      <c r="W12">
        <f>COUNTIF($D12:E12,$V$6)</f>
        <v>2</v>
      </c>
      <c r="X12">
        <f>COUNTIF($D12:F12,$V$6)</f>
        <v>3</v>
      </c>
      <c r="Y12">
        <f>COUNTIF($D12:G12,$V$6)</f>
        <v>4</v>
      </c>
      <c r="Z12">
        <f>COUNTIF($D12:H12,$V$6)</f>
        <v>5</v>
      </c>
      <c r="AA12">
        <f>COUNTIF($D12:I12,$V$6)</f>
        <v>6</v>
      </c>
      <c r="AB12" s="2"/>
      <c r="AC12" s="1" t="s">
        <v>55</v>
      </c>
      <c r="AD12" s="1"/>
      <c r="AE12" s="1"/>
      <c r="AF12" s="1"/>
      <c r="AG12" s="1"/>
      <c r="AH12" s="1"/>
      <c r="AI12" s="1"/>
      <c r="AJ12" s="1"/>
      <c r="AK12" s="1"/>
      <c r="AL12" s="1"/>
      <c r="AM12" s="1"/>
    </row>
    <row r="13" spans="1:39" ht="13.8" x14ac:dyDescent="0.3">
      <c r="A13" s="52">
        <v>6</v>
      </c>
      <c r="B13" s="53"/>
      <c r="C13" s="54"/>
      <c r="D13" s="54"/>
      <c r="E13" s="54"/>
      <c r="F13" s="54"/>
      <c r="G13" s="54"/>
      <c r="H13" s="54"/>
      <c r="I13" s="54"/>
      <c r="J13" s="55" t="str">
        <f t="shared" si="1"/>
        <v/>
      </c>
      <c r="K13" s="55" t="str">
        <f t="shared" si="2"/>
        <v/>
      </c>
      <c r="L13" s="55" t="str">
        <f t="shared" si="3"/>
        <v/>
      </c>
      <c r="M13" s="56" t="str">
        <f t="shared" si="4"/>
        <v/>
      </c>
      <c r="N13" s="57" t="str">
        <f t="shared" si="10"/>
        <v/>
      </c>
      <c r="O13">
        <f t="shared" si="11"/>
        <v>0</v>
      </c>
      <c r="P13">
        <f t="shared" si="5"/>
        <v>0</v>
      </c>
      <c r="Q13">
        <f t="shared" si="6"/>
        <v>0</v>
      </c>
      <c r="R13">
        <f t="shared" si="7"/>
        <v>0</v>
      </c>
      <c r="S13">
        <f t="shared" si="8"/>
        <v>0</v>
      </c>
      <c r="T13">
        <f t="shared" si="9"/>
        <v>0</v>
      </c>
      <c r="U13" s="1"/>
      <c r="V13">
        <f>COUNTIF($D13:D13,$V$6)</f>
        <v>1</v>
      </c>
      <c r="W13">
        <f>COUNTIF($D13:E13,$V$6)</f>
        <v>2</v>
      </c>
      <c r="X13">
        <f>COUNTIF($D13:F13,$V$6)</f>
        <v>3</v>
      </c>
      <c r="Y13">
        <f>COUNTIF($D13:G13,$V$6)</f>
        <v>4</v>
      </c>
      <c r="Z13">
        <f>COUNTIF($D13:H13,$V$6)</f>
        <v>5</v>
      </c>
      <c r="AA13">
        <f>COUNTIF($D13:I13,$V$6)</f>
        <v>6</v>
      </c>
      <c r="AB13" s="2"/>
      <c r="AC13" s="1" t="s">
        <v>56</v>
      </c>
      <c r="AD13" s="1"/>
      <c r="AE13" s="1"/>
      <c r="AF13" s="1"/>
      <c r="AG13" s="1"/>
      <c r="AH13" s="1"/>
      <c r="AI13" s="1"/>
      <c r="AJ13" s="1"/>
      <c r="AK13" s="1"/>
      <c r="AL13" s="1"/>
      <c r="AM13" s="1"/>
    </row>
    <row r="14" spans="1:39" ht="13.8" x14ac:dyDescent="0.3">
      <c r="A14" s="52">
        <v>7</v>
      </c>
      <c r="B14" s="53"/>
      <c r="C14" s="54"/>
      <c r="D14" s="54"/>
      <c r="E14" s="54"/>
      <c r="F14" s="54"/>
      <c r="G14" s="54"/>
      <c r="H14" s="54"/>
      <c r="I14" s="54"/>
      <c r="J14" s="55" t="str">
        <f t="shared" si="1"/>
        <v/>
      </c>
      <c r="K14" s="55" t="str">
        <f t="shared" si="2"/>
        <v/>
      </c>
      <c r="L14" s="55" t="str">
        <f t="shared" si="3"/>
        <v/>
      </c>
      <c r="M14" s="56" t="str">
        <f t="shared" si="4"/>
        <v/>
      </c>
      <c r="N14" s="57" t="str">
        <f t="shared" si="10"/>
        <v/>
      </c>
      <c r="O14">
        <f t="shared" si="11"/>
        <v>0</v>
      </c>
      <c r="P14">
        <f t="shared" si="5"/>
        <v>0</v>
      </c>
      <c r="Q14">
        <f t="shared" si="6"/>
        <v>0</v>
      </c>
      <c r="R14">
        <f t="shared" si="7"/>
        <v>0</v>
      </c>
      <c r="S14">
        <f t="shared" si="8"/>
        <v>0</v>
      </c>
      <c r="T14">
        <f t="shared" si="9"/>
        <v>0</v>
      </c>
      <c r="U14" s="1"/>
      <c r="V14">
        <f>COUNTIF($D14:D14,$V$6)</f>
        <v>1</v>
      </c>
      <c r="W14">
        <f>COUNTIF($D14:E14,$V$6)</f>
        <v>2</v>
      </c>
      <c r="X14">
        <f>COUNTIF($D14:F14,$V$6)</f>
        <v>3</v>
      </c>
      <c r="Y14">
        <f>COUNTIF($D14:G14,$V$6)</f>
        <v>4</v>
      </c>
      <c r="Z14">
        <f>COUNTIF($D14:H14,$V$6)</f>
        <v>5</v>
      </c>
      <c r="AA14">
        <f>COUNTIF($D14:I14,$V$6)</f>
        <v>6</v>
      </c>
      <c r="AB14" s="2"/>
      <c r="AC14" s="1" t="s">
        <v>57</v>
      </c>
      <c r="AD14" s="1"/>
      <c r="AE14" s="1"/>
      <c r="AF14" s="1"/>
      <c r="AG14" s="1"/>
      <c r="AH14" s="1"/>
      <c r="AI14" s="1"/>
      <c r="AJ14" s="1"/>
      <c r="AK14" s="1"/>
      <c r="AL14" s="1"/>
      <c r="AM14" s="1"/>
    </row>
    <row r="15" spans="1:39" ht="13.8" x14ac:dyDescent="0.3">
      <c r="A15" s="52">
        <v>8</v>
      </c>
      <c r="B15" s="53"/>
      <c r="C15" s="54"/>
      <c r="D15" s="54"/>
      <c r="E15" s="54"/>
      <c r="F15" s="54"/>
      <c r="G15" s="54"/>
      <c r="H15" s="54"/>
      <c r="I15" s="54"/>
      <c r="J15" s="55" t="str">
        <f t="shared" si="1"/>
        <v/>
      </c>
      <c r="K15" s="55" t="str">
        <f t="shared" si="2"/>
        <v/>
      </c>
      <c r="L15" s="55" t="str">
        <f t="shared" si="3"/>
        <v/>
      </c>
      <c r="M15" s="56" t="str">
        <f t="shared" si="4"/>
        <v/>
      </c>
      <c r="N15" s="57" t="str">
        <f t="shared" si="10"/>
        <v/>
      </c>
      <c r="O15">
        <f t="shared" si="11"/>
        <v>0</v>
      </c>
      <c r="P15">
        <f t="shared" si="5"/>
        <v>0</v>
      </c>
      <c r="Q15">
        <f t="shared" si="6"/>
        <v>0</v>
      </c>
      <c r="R15">
        <f t="shared" si="7"/>
        <v>0</v>
      </c>
      <c r="S15">
        <f t="shared" si="8"/>
        <v>0</v>
      </c>
      <c r="T15">
        <f t="shared" si="9"/>
        <v>0</v>
      </c>
      <c r="U15" s="1"/>
      <c r="V15">
        <f>COUNTIF($D15:D15,$V$6)</f>
        <v>1</v>
      </c>
      <c r="W15">
        <f>COUNTIF($D15:E15,$V$6)</f>
        <v>2</v>
      </c>
      <c r="X15">
        <f>COUNTIF($D15:F15,$V$6)</f>
        <v>3</v>
      </c>
      <c r="Y15">
        <f>COUNTIF($D15:G15,$V$6)</f>
        <v>4</v>
      </c>
      <c r="Z15">
        <f>COUNTIF($D15:H15,$V$6)</f>
        <v>5</v>
      </c>
      <c r="AA15">
        <f>COUNTIF($D15:I15,$V$6)</f>
        <v>6</v>
      </c>
      <c r="AB15" s="2">
        <v>5</v>
      </c>
      <c r="AC15" s="1" t="s">
        <v>58</v>
      </c>
      <c r="AD15" s="1"/>
      <c r="AE15" s="1"/>
      <c r="AF15" s="1"/>
      <c r="AG15" s="1"/>
      <c r="AH15" s="1"/>
      <c r="AI15" s="1"/>
      <c r="AJ15" s="1"/>
      <c r="AK15" s="1"/>
      <c r="AL15" s="1"/>
      <c r="AM15" s="1"/>
    </row>
    <row r="16" spans="1:39" ht="13.8" x14ac:dyDescent="0.3">
      <c r="A16" s="52">
        <v>9</v>
      </c>
      <c r="B16" s="53"/>
      <c r="C16" s="54"/>
      <c r="D16" s="54"/>
      <c r="E16" s="54"/>
      <c r="F16" s="54"/>
      <c r="G16" s="54"/>
      <c r="H16" s="54"/>
      <c r="I16" s="54"/>
      <c r="J16" s="55" t="str">
        <f t="shared" si="1"/>
        <v/>
      </c>
      <c r="K16" s="55" t="str">
        <f t="shared" si="2"/>
        <v/>
      </c>
      <c r="L16" s="55" t="str">
        <f t="shared" si="3"/>
        <v/>
      </c>
      <c r="M16" s="56" t="str">
        <f t="shared" si="4"/>
        <v/>
      </c>
      <c r="N16" s="57" t="str">
        <f t="shared" si="10"/>
        <v/>
      </c>
      <c r="O16">
        <f t="shared" si="11"/>
        <v>0</v>
      </c>
      <c r="P16">
        <f t="shared" si="5"/>
        <v>0</v>
      </c>
      <c r="Q16">
        <f t="shared" si="6"/>
        <v>0</v>
      </c>
      <c r="R16">
        <f t="shared" si="7"/>
        <v>0</v>
      </c>
      <c r="S16">
        <f t="shared" si="8"/>
        <v>0</v>
      </c>
      <c r="T16">
        <f t="shared" si="9"/>
        <v>0</v>
      </c>
      <c r="U16" s="1"/>
      <c r="V16">
        <f>COUNTIF($D16:D16,$V$6)</f>
        <v>1</v>
      </c>
      <c r="W16">
        <f>COUNTIF($D16:E16,$V$6)</f>
        <v>2</v>
      </c>
      <c r="X16">
        <f>COUNTIF($D16:F16,$V$6)</f>
        <v>3</v>
      </c>
      <c r="Y16">
        <f>COUNTIF($D16:G16,$V$6)</f>
        <v>4</v>
      </c>
      <c r="Z16">
        <f>COUNTIF($D16:H16,$V$6)</f>
        <v>5</v>
      </c>
      <c r="AA16">
        <f>COUNTIF($D16:I16,$V$6)</f>
        <v>6</v>
      </c>
      <c r="AB16" s="2">
        <v>6</v>
      </c>
      <c r="AC16" s="1" t="s">
        <v>59</v>
      </c>
      <c r="AD16" s="1"/>
      <c r="AE16" s="1"/>
      <c r="AF16" s="1"/>
      <c r="AG16" s="1"/>
      <c r="AH16" s="1"/>
      <c r="AI16" s="1"/>
      <c r="AJ16" s="1"/>
      <c r="AK16" s="1"/>
      <c r="AL16" s="1"/>
      <c r="AM16" s="1"/>
    </row>
    <row r="17" spans="1:39" ht="13.8" x14ac:dyDescent="0.3">
      <c r="A17" s="52">
        <v>10</v>
      </c>
      <c r="B17" s="53"/>
      <c r="C17" s="54"/>
      <c r="D17" s="54"/>
      <c r="E17" s="54"/>
      <c r="F17" s="54"/>
      <c r="G17" s="54"/>
      <c r="H17" s="54"/>
      <c r="I17" s="54"/>
      <c r="J17" s="55" t="str">
        <f t="shared" si="1"/>
        <v/>
      </c>
      <c r="K17" s="55" t="str">
        <f t="shared" si="2"/>
        <v/>
      </c>
      <c r="L17" s="55" t="str">
        <f t="shared" si="3"/>
        <v/>
      </c>
      <c r="M17" s="56" t="str">
        <f t="shared" si="4"/>
        <v/>
      </c>
      <c r="N17" s="57" t="str">
        <f t="shared" si="10"/>
        <v/>
      </c>
      <c r="O17">
        <f t="shared" si="11"/>
        <v>0</v>
      </c>
      <c r="P17">
        <f t="shared" si="5"/>
        <v>0</v>
      </c>
      <c r="Q17">
        <f t="shared" si="6"/>
        <v>0</v>
      </c>
      <c r="R17">
        <f t="shared" si="7"/>
        <v>0</v>
      </c>
      <c r="S17">
        <f t="shared" si="8"/>
        <v>0</v>
      </c>
      <c r="T17">
        <f t="shared" si="9"/>
        <v>0</v>
      </c>
      <c r="U17" s="1"/>
      <c r="V17">
        <f>COUNTIF($D17:D17,$V$6)</f>
        <v>1</v>
      </c>
      <c r="W17">
        <f>COUNTIF($D17:E17,$V$6)</f>
        <v>2</v>
      </c>
      <c r="X17">
        <f>COUNTIF($D17:F17,$V$6)</f>
        <v>3</v>
      </c>
      <c r="Y17">
        <f>COUNTIF($D17:G17,$V$6)</f>
        <v>4</v>
      </c>
      <c r="Z17">
        <f>COUNTIF($D17:H17,$V$6)</f>
        <v>5</v>
      </c>
      <c r="AA17">
        <f>COUNTIF($D17:I17,$V$6)</f>
        <v>6</v>
      </c>
      <c r="AB17" s="2">
        <v>7</v>
      </c>
      <c r="AC17" s="1" t="s">
        <v>60</v>
      </c>
      <c r="AD17" s="1"/>
      <c r="AE17" s="1"/>
      <c r="AF17" s="1"/>
      <c r="AG17" s="1"/>
      <c r="AH17" s="1"/>
      <c r="AI17" s="1"/>
      <c r="AJ17" s="1"/>
      <c r="AK17" s="1"/>
      <c r="AL17" s="1"/>
      <c r="AM17" s="1"/>
    </row>
    <row r="18" spans="1:39" ht="13.8" x14ac:dyDescent="0.3">
      <c r="A18" s="52">
        <v>11</v>
      </c>
      <c r="B18" s="53"/>
      <c r="C18" s="54"/>
      <c r="D18" s="54"/>
      <c r="E18" s="54"/>
      <c r="F18" s="54"/>
      <c r="G18" s="54"/>
      <c r="H18" s="54"/>
      <c r="I18" s="54"/>
      <c r="J18" s="55" t="str">
        <f t="shared" si="1"/>
        <v/>
      </c>
      <c r="K18" s="55" t="str">
        <f t="shared" si="2"/>
        <v/>
      </c>
      <c r="L18" s="55" t="str">
        <f t="shared" si="3"/>
        <v/>
      </c>
      <c r="M18" s="56" t="str">
        <f t="shared" si="4"/>
        <v/>
      </c>
      <c r="N18" s="57" t="str">
        <f t="shared" si="10"/>
        <v/>
      </c>
      <c r="O18">
        <f t="shared" si="11"/>
        <v>0</v>
      </c>
      <c r="P18">
        <f t="shared" si="5"/>
        <v>0</v>
      </c>
      <c r="Q18">
        <f t="shared" si="6"/>
        <v>0</v>
      </c>
      <c r="R18">
        <f t="shared" si="7"/>
        <v>0</v>
      </c>
      <c r="S18">
        <f t="shared" si="8"/>
        <v>0</v>
      </c>
      <c r="T18">
        <f t="shared" si="9"/>
        <v>0</v>
      </c>
      <c r="U18" s="1"/>
      <c r="V18">
        <f>COUNTIF($D18:D18,$V$6)</f>
        <v>1</v>
      </c>
      <c r="W18">
        <f>COUNTIF($D18:E18,$V$6)</f>
        <v>2</v>
      </c>
      <c r="X18">
        <f>COUNTIF($D18:F18,$V$6)</f>
        <v>3</v>
      </c>
      <c r="Y18">
        <f>COUNTIF($D18:G18,$V$6)</f>
        <v>4</v>
      </c>
      <c r="Z18">
        <f>COUNTIF($D18:H18,$V$6)</f>
        <v>5</v>
      </c>
      <c r="AA18">
        <f>COUNTIF($D18:I18,$V$6)</f>
        <v>6</v>
      </c>
      <c r="AB18" s="2"/>
      <c r="AC18" s="1" t="s">
        <v>61</v>
      </c>
      <c r="AD18" s="1"/>
      <c r="AE18" s="1"/>
      <c r="AF18" s="1"/>
      <c r="AG18" s="1"/>
      <c r="AH18" s="1"/>
      <c r="AI18" s="1"/>
      <c r="AJ18" s="1"/>
      <c r="AK18" s="1"/>
      <c r="AL18" s="1"/>
      <c r="AM18" s="1"/>
    </row>
    <row r="19" spans="1:39" ht="13.8" x14ac:dyDescent="0.3">
      <c r="A19" s="52">
        <v>12</v>
      </c>
      <c r="B19" s="53"/>
      <c r="C19" s="54"/>
      <c r="D19" s="54"/>
      <c r="E19" s="54"/>
      <c r="F19" s="54"/>
      <c r="G19" s="54"/>
      <c r="H19" s="54"/>
      <c r="I19" s="54"/>
      <c r="J19" s="55" t="str">
        <f t="shared" si="1"/>
        <v/>
      </c>
      <c r="K19" s="55" t="str">
        <f t="shared" si="2"/>
        <v/>
      </c>
      <c r="L19" s="55" t="str">
        <f t="shared" si="3"/>
        <v/>
      </c>
      <c r="M19" s="56" t="str">
        <f t="shared" si="4"/>
        <v/>
      </c>
      <c r="N19" s="57" t="str">
        <f>IF(MAX(O19:T19)&gt;0,"ERR","")</f>
        <v/>
      </c>
      <c r="O19">
        <f t="shared" si="11"/>
        <v>0</v>
      </c>
      <c r="P19">
        <f t="shared" si="5"/>
        <v>0</v>
      </c>
      <c r="Q19">
        <f t="shared" si="6"/>
        <v>0</v>
      </c>
      <c r="R19">
        <f t="shared" si="7"/>
        <v>0</v>
      </c>
      <c r="S19">
        <f t="shared" si="8"/>
        <v>0</v>
      </c>
      <c r="T19">
        <f t="shared" si="9"/>
        <v>0</v>
      </c>
      <c r="U19" s="1"/>
      <c r="V19">
        <f>COUNTIF($D19:D19,$V$6)</f>
        <v>1</v>
      </c>
      <c r="W19">
        <f>COUNTIF($D19:E19,$V$6)</f>
        <v>2</v>
      </c>
      <c r="X19">
        <f>COUNTIF($D19:F19,$V$6)</f>
        <v>3</v>
      </c>
      <c r="Y19">
        <f>COUNTIF($D19:G19,$V$6)</f>
        <v>4</v>
      </c>
      <c r="Z19">
        <f>COUNTIF($D19:H19,$V$6)</f>
        <v>5</v>
      </c>
      <c r="AA19">
        <f>COUNTIF($D19:I19,$V$6)</f>
        <v>6</v>
      </c>
      <c r="AB19" s="2">
        <v>8</v>
      </c>
      <c r="AC19" s="1" t="s">
        <v>62</v>
      </c>
      <c r="AD19" s="1"/>
      <c r="AE19" s="1"/>
      <c r="AF19" s="1"/>
      <c r="AG19" s="1"/>
      <c r="AH19" s="1"/>
      <c r="AI19" s="1"/>
      <c r="AJ19" s="1"/>
      <c r="AK19" s="1"/>
      <c r="AL19" s="1"/>
      <c r="AM19" s="1"/>
    </row>
    <row r="20" spans="1:39" ht="14.4" thickBot="1" x14ac:dyDescent="0.35">
      <c r="A20" s="58">
        <v>13</v>
      </c>
      <c r="B20" s="59" t="s">
        <v>28</v>
      </c>
      <c r="C20" s="60"/>
      <c r="D20" s="60"/>
      <c r="E20" s="60"/>
      <c r="F20" s="60"/>
      <c r="G20" s="60"/>
      <c r="H20" s="60"/>
      <c r="I20" s="60"/>
      <c r="J20" s="61" t="str">
        <f t="shared" si="1"/>
        <v/>
      </c>
      <c r="K20" s="61" t="str">
        <f t="shared" si="2"/>
        <v/>
      </c>
      <c r="L20" s="61" t="str">
        <f t="shared" si="3"/>
        <v/>
      </c>
      <c r="M20" s="62" t="str">
        <f t="shared" si="4"/>
        <v/>
      </c>
      <c r="N20" s="63" t="str">
        <f t="shared" si="10"/>
        <v/>
      </c>
      <c r="O20">
        <f t="shared" si="11"/>
        <v>0</v>
      </c>
      <c r="P20">
        <f t="shared" si="5"/>
        <v>0</v>
      </c>
      <c r="Q20">
        <f t="shared" si="6"/>
        <v>0</v>
      </c>
      <c r="R20">
        <f t="shared" si="7"/>
        <v>0</v>
      </c>
      <c r="S20">
        <f t="shared" si="8"/>
        <v>0</v>
      </c>
      <c r="T20">
        <f t="shared" si="9"/>
        <v>0</v>
      </c>
      <c r="U20" s="1"/>
      <c r="V20">
        <f>COUNTIF($D20:D20,$V$6)</f>
        <v>1</v>
      </c>
      <c r="W20">
        <f>COUNTIF($D20:E20,$V$6)</f>
        <v>2</v>
      </c>
      <c r="X20">
        <f>COUNTIF($D20:F20,$V$6)</f>
        <v>3</v>
      </c>
      <c r="Y20">
        <f>COUNTIF($D20:G20,$V$6)</f>
        <v>4</v>
      </c>
      <c r="Z20">
        <f>COUNTIF($D20:H20,$V$6)</f>
        <v>5</v>
      </c>
      <c r="AA20">
        <f>COUNTIF($D20:I20,$V$6)</f>
        <v>6</v>
      </c>
      <c r="AB20" s="2"/>
      <c r="AC20" s="1" t="s">
        <v>63</v>
      </c>
      <c r="AD20" s="1"/>
      <c r="AE20" s="1"/>
      <c r="AF20" s="1"/>
      <c r="AG20" s="1"/>
      <c r="AH20" s="1"/>
      <c r="AI20" s="1"/>
      <c r="AJ20" s="1"/>
      <c r="AK20" s="1"/>
      <c r="AL20" s="1"/>
      <c r="AM20" s="1"/>
    </row>
    <row r="21" spans="1:39" ht="14.4" thickBot="1" x14ac:dyDescent="0.35">
      <c r="B21" s="3"/>
      <c r="C21" s="2"/>
      <c r="D21" s="2"/>
      <c r="E21" s="2"/>
      <c r="F21" s="2"/>
      <c r="G21" s="2"/>
      <c r="H21" s="2"/>
      <c r="I21" s="2"/>
      <c r="J21" s="1"/>
      <c r="K21" s="1"/>
      <c r="L21" s="1"/>
      <c r="M21" s="1"/>
      <c r="N21" s="2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</row>
    <row r="22" spans="1:39" ht="13.8" x14ac:dyDescent="0.3">
      <c r="B22" s="64"/>
      <c r="C22" s="65"/>
      <c r="D22" s="93" t="s">
        <v>0</v>
      </c>
      <c r="E22" s="93"/>
      <c r="F22" s="93"/>
      <c r="G22" s="93"/>
      <c r="H22" s="93"/>
      <c r="I22" s="93"/>
      <c r="J22" s="66"/>
      <c r="K22" s="48" t="s">
        <v>40</v>
      </c>
      <c r="L22" s="67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  <c r="AB22" s="92" t="s">
        <v>79</v>
      </c>
      <c r="AC22" s="92"/>
      <c r="AD22" s="1"/>
      <c r="AE22" s="1"/>
      <c r="AF22" s="1"/>
      <c r="AG22" s="1"/>
      <c r="AH22" s="1"/>
      <c r="AI22" s="1"/>
      <c r="AJ22" s="1"/>
      <c r="AK22" s="1"/>
      <c r="AL22" s="1"/>
      <c r="AM22" s="1"/>
    </row>
    <row r="23" spans="1:39" ht="13.8" x14ac:dyDescent="0.3">
      <c r="B23" s="68"/>
      <c r="C23" s="42" t="s">
        <v>13</v>
      </c>
      <c r="D23" s="29">
        <v>1</v>
      </c>
      <c r="E23" s="29">
        <v>2</v>
      </c>
      <c r="F23" s="29">
        <v>3</v>
      </c>
      <c r="G23" s="29">
        <v>4</v>
      </c>
      <c r="H23" s="29">
        <v>5</v>
      </c>
      <c r="I23" s="29">
        <v>6</v>
      </c>
      <c r="J23" s="29" t="s">
        <v>36</v>
      </c>
      <c r="K23" s="43" t="s">
        <v>41</v>
      </c>
      <c r="L23" s="69"/>
      <c r="M23" s="1"/>
      <c r="O23" s="40" t="str">
        <f>M8</f>
        <v/>
      </c>
      <c r="P23" s="40" t="str">
        <f>M9</f>
        <v/>
      </c>
      <c r="Q23" s="40" t="str">
        <f>M10</f>
        <v/>
      </c>
      <c r="R23" s="40" t="str">
        <f>M11</f>
        <v/>
      </c>
      <c r="S23" s="40" t="str">
        <f>M12</f>
        <v/>
      </c>
      <c r="T23" s="40" t="str">
        <f>M13</f>
        <v/>
      </c>
      <c r="U23" s="40" t="str">
        <f>M14</f>
        <v/>
      </c>
      <c r="V23" s="40" t="str">
        <f>M15</f>
        <v/>
      </c>
      <c r="W23" s="40" t="str">
        <f>M16</f>
        <v/>
      </c>
      <c r="X23" s="40" t="str">
        <f>M17</f>
        <v/>
      </c>
      <c r="Y23" s="40" t="str">
        <f>M18</f>
        <v/>
      </c>
      <c r="Z23" s="40" t="str">
        <f>M19</f>
        <v/>
      </c>
      <c r="AA23" s="40" t="str">
        <f>M20</f>
        <v/>
      </c>
      <c r="AB23" s="1" t="s">
        <v>64</v>
      </c>
      <c r="AC23" s="1" t="s">
        <v>65</v>
      </c>
      <c r="AD23" s="1"/>
      <c r="AE23" s="1"/>
      <c r="AF23" s="1"/>
      <c r="AG23" s="1"/>
      <c r="AH23" s="1"/>
      <c r="AI23" s="1"/>
      <c r="AJ23" s="1"/>
      <c r="AK23" s="1"/>
      <c r="AL23" s="1"/>
      <c r="AM23" s="1"/>
    </row>
    <row r="24" spans="1:39" ht="13.8" x14ac:dyDescent="0.3">
      <c r="B24" s="68"/>
      <c r="C24" s="56" t="s">
        <v>3</v>
      </c>
      <c r="D24" s="70" t="e">
        <f>VLOOKUP($C24,D$8:$M$20,10,0)</f>
        <v>#N/A</v>
      </c>
      <c r="E24" s="70" t="e">
        <f>VLOOKUP($C24,E$8:$M$20,9,0)</f>
        <v>#N/A</v>
      </c>
      <c r="F24" s="70" t="e">
        <f>VLOOKUP($C24,F$8:$M$20,8,0)</f>
        <v>#N/A</v>
      </c>
      <c r="G24" s="70" t="e">
        <f>VLOOKUP($C24,G$8:$M$20,7,0)</f>
        <v>#N/A</v>
      </c>
      <c r="H24" s="70" t="e">
        <f>VLOOKUP($C24,H$8:$M$20,6,0)</f>
        <v>#N/A</v>
      </c>
      <c r="I24" s="70" t="e">
        <f>VLOOKUP($C24,I$8:$M$20,5,0)</f>
        <v>#N/A</v>
      </c>
      <c r="J24" s="55" t="s">
        <v>17</v>
      </c>
      <c r="K24" s="70">
        <f t="shared" ref="K24:K32" si="12">MAX(O24:AA24)</f>
        <v>0</v>
      </c>
      <c r="L24" s="69"/>
      <c r="M24" s="1"/>
      <c r="O24" s="1">
        <f t="shared" ref="O24:AA33" si="13">COUNTIF($D24:$I24,O$23)</f>
        <v>0</v>
      </c>
      <c r="P24" s="1">
        <f t="shared" si="13"/>
        <v>0</v>
      </c>
      <c r="Q24" s="1">
        <f t="shared" si="13"/>
        <v>0</v>
      </c>
      <c r="R24" s="1">
        <f t="shared" si="13"/>
        <v>0</v>
      </c>
      <c r="S24" s="1">
        <f t="shared" si="13"/>
        <v>0</v>
      </c>
      <c r="T24" s="1">
        <f t="shared" si="13"/>
        <v>0</v>
      </c>
      <c r="U24" s="1">
        <f t="shared" si="13"/>
        <v>0</v>
      </c>
      <c r="V24" s="1">
        <f t="shared" si="13"/>
        <v>0</v>
      </c>
      <c r="W24" s="1">
        <f t="shared" si="13"/>
        <v>0</v>
      </c>
      <c r="X24" s="1">
        <f t="shared" si="13"/>
        <v>0</v>
      </c>
      <c r="Y24" s="1">
        <f t="shared" si="13"/>
        <v>0</v>
      </c>
      <c r="Z24" s="1">
        <f t="shared" si="13"/>
        <v>0</v>
      </c>
      <c r="AA24" s="1">
        <f t="shared" si="13"/>
        <v>0</v>
      </c>
      <c r="AB24" s="1"/>
      <c r="AC24" s="1" t="s">
        <v>67</v>
      </c>
      <c r="AD24" s="1"/>
      <c r="AE24" s="1"/>
      <c r="AF24" s="1"/>
      <c r="AG24" s="1"/>
      <c r="AH24" s="1"/>
      <c r="AI24" s="1"/>
      <c r="AJ24" s="1"/>
      <c r="AK24" s="1"/>
      <c r="AL24" s="1"/>
      <c r="AM24" s="1"/>
    </row>
    <row r="25" spans="1:39" ht="13.8" x14ac:dyDescent="0.3">
      <c r="B25" s="68"/>
      <c r="C25" s="56" t="s">
        <v>1</v>
      </c>
      <c r="D25" s="70" t="e">
        <f>VLOOKUP($C25,D$8:$M$20,10,0)</f>
        <v>#N/A</v>
      </c>
      <c r="E25" s="70" t="e">
        <f>VLOOKUP($C25,E$8:$M$20,9,0)</f>
        <v>#N/A</v>
      </c>
      <c r="F25" s="70" t="e">
        <f>VLOOKUP($C25,F$8:$M$20,8,0)</f>
        <v>#N/A</v>
      </c>
      <c r="G25" s="70" t="e">
        <f>VLOOKUP($C25,G$8:$M$20,7,0)</f>
        <v>#N/A</v>
      </c>
      <c r="H25" s="70" t="e">
        <f>VLOOKUP($C25,H$8:$M$20,6,0)</f>
        <v>#N/A</v>
      </c>
      <c r="I25" s="70" t="e">
        <f>VLOOKUP($C25,I$8:$M$20,5,0)</f>
        <v>#N/A</v>
      </c>
      <c r="J25" s="55" t="s">
        <v>18</v>
      </c>
      <c r="K25" s="70">
        <f t="shared" si="12"/>
        <v>0</v>
      </c>
      <c r="L25" s="69"/>
      <c r="M25" s="1"/>
      <c r="O25" s="1">
        <f t="shared" si="13"/>
        <v>0</v>
      </c>
      <c r="P25" s="1">
        <f t="shared" si="13"/>
        <v>0</v>
      </c>
      <c r="Q25" s="1">
        <f t="shared" si="13"/>
        <v>0</v>
      </c>
      <c r="R25" s="1">
        <f t="shared" si="13"/>
        <v>0</v>
      </c>
      <c r="S25" s="1">
        <f t="shared" si="13"/>
        <v>0</v>
      </c>
      <c r="T25" s="1">
        <f t="shared" si="13"/>
        <v>0</v>
      </c>
      <c r="U25" s="1">
        <f t="shared" si="13"/>
        <v>0</v>
      </c>
      <c r="V25" s="1">
        <f t="shared" si="13"/>
        <v>0</v>
      </c>
      <c r="W25" s="1">
        <f t="shared" si="13"/>
        <v>0</v>
      </c>
      <c r="X25" s="1">
        <f t="shared" si="13"/>
        <v>0</v>
      </c>
      <c r="Y25" s="1">
        <f t="shared" si="13"/>
        <v>0</v>
      </c>
      <c r="Z25" s="1">
        <f t="shared" si="13"/>
        <v>0</v>
      </c>
      <c r="AA25" s="1">
        <f t="shared" si="13"/>
        <v>0</v>
      </c>
      <c r="AB25" s="1" t="s">
        <v>15</v>
      </c>
      <c r="AC25" s="1" t="s">
        <v>65</v>
      </c>
      <c r="AD25" s="1"/>
      <c r="AE25" s="1"/>
      <c r="AF25" s="1"/>
      <c r="AG25" s="1"/>
      <c r="AH25" s="1"/>
      <c r="AI25" s="1"/>
      <c r="AJ25" s="1"/>
      <c r="AK25" s="1"/>
      <c r="AL25" s="1"/>
      <c r="AM25" s="1"/>
    </row>
    <row r="26" spans="1:39" ht="13.8" x14ac:dyDescent="0.3">
      <c r="B26" s="68"/>
      <c r="C26" s="56" t="s">
        <v>9</v>
      </c>
      <c r="D26" s="70" t="e">
        <f>VLOOKUP($C26,D$8:$M$20,10,0)</f>
        <v>#N/A</v>
      </c>
      <c r="E26" s="70" t="e">
        <f>VLOOKUP($C26,E$8:$M$20,9,0)</f>
        <v>#N/A</v>
      </c>
      <c r="F26" s="70" t="e">
        <f>VLOOKUP($C26,F$8:$M$20,8,0)</f>
        <v>#N/A</v>
      </c>
      <c r="G26" s="70" t="e">
        <f>VLOOKUP($C26,G$8:$M$20,7,0)</f>
        <v>#N/A</v>
      </c>
      <c r="H26" s="70" t="e">
        <f>VLOOKUP($C26,H$8:$M$20,6,0)</f>
        <v>#N/A</v>
      </c>
      <c r="I26" s="70" t="e">
        <f>VLOOKUP($C26,I$8:$M$20,5,0)</f>
        <v>#N/A</v>
      </c>
      <c r="J26" s="54" t="s">
        <v>19</v>
      </c>
      <c r="K26" s="70">
        <f t="shared" si="12"/>
        <v>0</v>
      </c>
      <c r="L26" s="69"/>
      <c r="M26" s="1"/>
      <c r="O26" s="1">
        <f t="shared" si="13"/>
        <v>0</v>
      </c>
      <c r="P26" s="1">
        <f t="shared" si="13"/>
        <v>0</v>
      </c>
      <c r="Q26" s="1">
        <f t="shared" si="13"/>
        <v>0</v>
      </c>
      <c r="R26" s="1">
        <f t="shared" si="13"/>
        <v>0</v>
      </c>
      <c r="S26" s="1">
        <f t="shared" si="13"/>
        <v>0</v>
      </c>
      <c r="T26" s="1">
        <f t="shared" si="13"/>
        <v>0</v>
      </c>
      <c r="U26" s="1">
        <f t="shared" si="13"/>
        <v>0</v>
      </c>
      <c r="V26" s="1">
        <f t="shared" si="13"/>
        <v>0</v>
      </c>
      <c r="W26" s="1">
        <f t="shared" si="13"/>
        <v>0</v>
      </c>
      <c r="X26" s="1">
        <f t="shared" si="13"/>
        <v>0</v>
      </c>
      <c r="Y26" s="1">
        <f t="shared" si="13"/>
        <v>0</v>
      </c>
      <c r="Z26" s="1">
        <f t="shared" si="13"/>
        <v>0</v>
      </c>
      <c r="AA26" s="1">
        <f t="shared" si="13"/>
        <v>0</v>
      </c>
      <c r="AB26" s="1"/>
      <c r="AC26" s="1" t="s">
        <v>66</v>
      </c>
      <c r="AD26" s="1"/>
      <c r="AE26" s="1"/>
      <c r="AF26" s="1"/>
      <c r="AG26" s="1"/>
      <c r="AH26" s="1"/>
      <c r="AI26" s="1"/>
      <c r="AJ26" s="1"/>
      <c r="AK26" s="1"/>
      <c r="AL26" s="1"/>
      <c r="AM26" s="1"/>
    </row>
    <row r="27" spans="1:39" ht="13.8" x14ac:dyDescent="0.3">
      <c r="B27" s="68"/>
      <c r="C27" s="56" t="s">
        <v>5</v>
      </c>
      <c r="D27" s="70" t="e">
        <f>VLOOKUP($C27,D$8:$M$20,10,0)</f>
        <v>#N/A</v>
      </c>
      <c r="E27" s="70" t="e">
        <f>VLOOKUP($C27,E$8:$M$20,9,0)</f>
        <v>#N/A</v>
      </c>
      <c r="F27" s="70" t="e">
        <f>VLOOKUP($C27,F$8:$M$20,8,0)</f>
        <v>#N/A</v>
      </c>
      <c r="G27" s="70" t="e">
        <f>VLOOKUP($C27,G$8:$M$20,7,0)</f>
        <v>#N/A</v>
      </c>
      <c r="H27" s="70" t="e">
        <f>VLOOKUP($C27,H$8:$M$20,6,0)</f>
        <v>#N/A</v>
      </c>
      <c r="I27" s="70" t="e">
        <f>VLOOKUP($C27,I$8:$M$20,5,0)</f>
        <v>#N/A</v>
      </c>
      <c r="J27" s="54" t="s">
        <v>20</v>
      </c>
      <c r="K27" s="70">
        <f t="shared" si="12"/>
        <v>0</v>
      </c>
      <c r="L27" s="69"/>
      <c r="M27" s="1"/>
      <c r="O27" s="1">
        <f t="shared" si="13"/>
        <v>0</v>
      </c>
      <c r="P27" s="1">
        <f t="shared" si="13"/>
        <v>0</v>
      </c>
      <c r="Q27" s="1">
        <f t="shared" si="13"/>
        <v>0</v>
      </c>
      <c r="R27" s="1">
        <f t="shared" si="13"/>
        <v>0</v>
      </c>
      <c r="S27" s="1">
        <f t="shared" si="13"/>
        <v>0</v>
      </c>
      <c r="T27" s="1">
        <f t="shared" si="13"/>
        <v>0</v>
      </c>
      <c r="U27" s="1">
        <f t="shared" si="13"/>
        <v>0</v>
      </c>
      <c r="V27" s="1">
        <f t="shared" si="13"/>
        <v>0</v>
      </c>
      <c r="W27" s="1">
        <f t="shared" si="13"/>
        <v>0</v>
      </c>
      <c r="X27" s="1">
        <f t="shared" si="13"/>
        <v>0</v>
      </c>
      <c r="Y27" s="1">
        <f t="shared" si="13"/>
        <v>0</v>
      </c>
      <c r="Z27" s="1">
        <f t="shared" si="13"/>
        <v>0</v>
      </c>
      <c r="AA27" s="1">
        <f t="shared" si="13"/>
        <v>0</v>
      </c>
      <c r="AB27" s="1" t="s">
        <v>16</v>
      </c>
      <c r="AC27" s="1" t="s">
        <v>68</v>
      </c>
      <c r="AD27" s="1"/>
      <c r="AE27" s="1"/>
      <c r="AF27" s="1"/>
      <c r="AG27" s="1"/>
      <c r="AH27" s="1"/>
      <c r="AI27" s="1"/>
      <c r="AJ27" s="1"/>
      <c r="AK27" s="1"/>
      <c r="AL27" s="1"/>
      <c r="AM27" s="1"/>
    </row>
    <row r="28" spans="1:39" ht="13.8" x14ac:dyDescent="0.3">
      <c r="B28" s="68"/>
      <c r="C28" s="56" t="s">
        <v>2</v>
      </c>
      <c r="D28" s="70" t="e">
        <f>VLOOKUP($C28,D$8:$M$20,10,0)</f>
        <v>#N/A</v>
      </c>
      <c r="E28" s="70" t="e">
        <f>VLOOKUP($C28,E$8:$M$20,9,0)</f>
        <v>#N/A</v>
      </c>
      <c r="F28" s="70" t="e">
        <f>VLOOKUP($C28,F$8:$M$20,8,0)</f>
        <v>#N/A</v>
      </c>
      <c r="G28" s="70" t="e">
        <f>VLOOKUP($C28,G$8:$M$20,7,0)</f>
        <v>#N/A</v>
      </c>
      <c r="H28" s="70" t="e">
        <f>VLOOKUP($C28,H$8:$M$20,6,0)</f>
        <v>#N/A</v>
      </c>
      <c r="I28" s="70" t="e">
        <f>VLOOKUP($C28,I$8:$M$20,5,0)</f>
        <v>#N/A</v>
      </c>
      <c r="J28" s="54" t="s">
        <v>21</v>
      </c>
      <c r="K28" s="70">
        <f t="shared" si="12"/>
        <v>0</v>
      </c>
      <c r="L28" s="69"/>
      <c r="M28" s="1"/>
      <c r="O28" s="1">
        <f t="shared" si="13"/>
        <v>0</v>
      </c>
      <c r="P28" s="1">
        <f t="shared" si="13"/>
        <v>0</v>
      </c>
      <c r="Q28" s="1">
        <f t="shared" si="13"/>
        <v>0</v>
      </c>
      <c r="R28" s="1">
        <f t="shared" si="13"/>
        <v>0</v>
      </c>
      <c r="S28" s="1">
        <f t="shared" si="13"/>
        <v>0</v>
      </c>
      <c r="T28" s="1">
        <f t="shared" si="13"/>
        <v>0</v>
      </c>
      <c r="U28" s="1">
        <f t="shared" si="13"/>
        <v>0</v>
      </c>
      <c r="V28" s="1">
        <f t="shared" si="13"/>
        <v>0</v>
      </c>
      <c r="W28" s="1">
        <f t="shared" si="13"/>
        <v>0</v>
      </c>
      <c r="X28" s="1">
        <f t="shared" si="13"/>
        <v>0</v>
      </c>
      <c r="Y28" s="1">
        <f t="shared" si="13"/>
        <v>0</v>
      </c>
      <c r="Z28" s="1">
        <f t="shared" si="13"/>
        <v>0</v>
      </c>
      <c r="AA28" s="1">
        <f t="shared" si="13"/>
        <v>0</v>
      </c>
      <c r="AB28" s="1"/>
      <c r="AC28" s="1" t="s">
        <v>69</v>
      </c>
      <c r="AD28" s="1"/>
      <c r="AE28" s="1"/>
      <c r="AF28" s="1"/>
      <c r="AG28" s="1"/>
      <c r="AH28" s="1"/>
      <c r="AI28" s="1"/>
      <c r="AJ28" s="1"/>
      <c r="AK28" s="1"/>
      <c r="AL28" s="1"/>
      <c r="AM28" s="1"/>
    </row>
    <row r="29" spans="1:39" ht="13.8" x14ac:dyDescent="0.3">
      <c r="B29" s="68"/>
      <c r="C29" s="56" t="s">
        <v>6</v>
      </c>
      <c r="D29" s="70" t="e">
        <f>VLOOKUP($C29,D$8:$M$20,10,0)</f>
        <v>#N/A</v>
      </c>
      <c r="E29" s="70" t="e">
        <f>VLOOKUP($C29,E$8:$M$20,9,0)</f>
        <v>#N/A</v>
      </c>
      <c r="F29" s="70" t="e">
        <f>VLOOKUP($C29,F$8:$M$20,8,0)</f>
        <v>#N/A</v>
      </c>
      <c r="G29" s="70" t="e">
        <f>VLOOKUP($C29,G$8:$M$20,7,0)</f>
        <v>#N/A</v>
      </c>
      <c r="H29" s="70" t="e">
        <f>VLOOKUP($C29,H$8:$M$20,6,0)</f>
        <v>#N/A</v>
      </c>
      <c r="I29" s="70" t="e">
        <f>VLOOKUP($C29,I$8:$M$20,5,0)</f>
        <v>#N/A</v>
      </c>
      <c r="J29" s="54" t="s">
        <v>22</v>
      </c>
      <c r="K29" s="70">
        <f t="shared" si="12"/>
        <v>0</v>
      </c>
      <c r="L29" s="69"/>
      <c r="M29" s="1"/>
      <c r="O29" s="1">
        <f t="shared" si="13"/>
        <v>0</v>
      </c>
      <c r="P29" s="1">
        <f t="shared" si="13"/>
        <v>0</v>
      </c>
      <c r="Q29" s="1">
        <f t="shared" si="13"/>
        <v>0</v>
      </c>
      <c r="R29" s="1">
        <f t="shared" si="13"/>
        <v>0</v>
      </c>
      <c r="S29" s="1">
        <f t="shared" si="13"/>
        <v>0</v>
      </c>
      <c r="T29" s="1">
        <f t="shared" si="13"/>
        <v>0</v>
      </c>
      <c r="U29" s="1">
        <f t="shared" si="13"/>
        <v>0</v>
      </c>
      <c r="V29" s="1">
        <f t="shared" si="13"/>
        <v>0</v>
      </c>
      <c r="W29" s="1">
        <f t="shared" si="13"/>
        <v>0</v>
      </c>
      <c r="X29" s="1">
        <f t="shared" si="13"/>
        <v>0</v>
      </c>
      <c r="Y29" s="1">
        <f t="shared" si="13"/>
        <v>0</v>
      </c>
      <c r="Z29" s="1">
        <f t="shared" si="13"/>
        <v>0</v>
      </c>
      <c r="AA29" s="1">
        <f t="shared" si="13"/>
        <v>0</v>
      </c>
      <c r="AB29" s="1" t="s">
        <v>43</v>
      </c>
      <c r="AC29" s="1" t="s">
        <v>70</v>
      </c>
      <c r="AD29" s="1"/>
      <c r="AE29" s="1"/>
      <c r="AF29" s="1"/>
      <c r="AG29" s="1"/>
      <c r="AH29" s="1"/>
      <c r="AI29" s="1"/>
      <c r="AJ29" s="1"/>
      <c r="AK29" s="1"/>
      <c r="AL29" s="1"/>
      <c r="AM29" s="1"/>
    </row>
    <row r="30" spans="1:39" ht="13.8" x14ac:dyDescent="0.3">
      <c r="B30" s="68"/>
      <c r="C30" s="56" t="s">
        <v>8</v>
      </c>
      <c r="D30" s="70" t="e">
        <f>VLOOKUP($C30,D$8:$M$20,10,0)</f>
        <v>#N/A</v>
      </c>
      <c r="E30" s="70" t="e">
        <f>VLOOKUP($C30,E$8:$M$20,9,0)</f>
        <v>#N/A</v>
      </c>
      <c r="F30" s="70" t="e">
        <f>VLOOKUP($C30,F$8:$M$20,8,0)</f>
        <v>#N/A</v>
      </c>
      <c r="G30" s="70" t="e">
        <f>VLOOKUP($C30,G$8:$M$20,7,0)</f>
        <v>#N/A</v>
      </c>
      <c r="H30" s="70" t="e">
        <f>VLOOKUP($C30,H$8:$M$20,6,0)</f>
        <v>#N/A</v>
      </c>
      <c r="I30" s="70" t="e">
        <f>VLOOKUP($C30,I$8:$M$20,5,0)</f>
        <v>#N/A</v>
      </c>
      <c r="J30" s="54" t="s">
        <v>23</v>
      </c>
      <c r="K30" s="70">
        <f t="shared" si="12"/>
        <v>0</v>
      </c>
      <c r="L30" s="69"/>
      <c r="M30" s="1"/>
      <c r="O30" s="1">
        <f t="shared" si="13"/>
        <v>0</v>
      </c>
      <c r="P30" s="1">
        <f t="shared" si="13"/>
        <v>0</v>
      </c>
      <c r="Q30" s="1">
        <f t="shared" si="13"/>
        <v>0</v>
      </c>
      <c r="R30" s="1">
        <f t="shared" si="13"/>
        <v>0</v>
      </c>
      <c r="S30" s="1">
        <f t="shared" si="13"/>
        <v>0</v>
      </c>
      <c r="T30" s="1">
        <f t="shared" si="13"/>
        <v>0</v>
      </c>
      <c r="U30" s="1">
        <f t="shared" si="13"/>
        <v>0</v>
      </c>
      <c r="V30" s="1">
        <f t="shared" si="13"/>
        <v>0</v>
      </c>
      <c r="W30" s="1">
        <f t="shared" si="13"/>
        <v>0</v>
      </c>
      <c r="X30" s="1">
        <f t="shared" si="13"/>
        <v>0</v>
      </c>
      <c r="Y30" s="1">
        <f t="shared" si="13"/>
        <v>0</v>
      </c>
      <c r="Z30" s="1">
        <f t="shared" si="13"/>
        <v>0</v>
      </c>
      <c r="AA30" s="1">
        <f t="shared" si="13"/>
        <v>0</v>
      </c>
      <c r="AB30" s="1"/>
      <c r="AC30" s="1" t="s">
        <v>71</v>
      </c>
      <c r="AD30" s="1"/>
      <c r="AE30" s="1"/>
      <c r="AF30" s="1"/>
      <c r="AG30" s="1"/>
      <c r="AH30" s="1"/>
      <c r="AI30" s="1"/>
      <c r="AJ30" s="1"/>
      <c r="AK30" s="1"/>
      <c r="AL30" s="1"/>
      <c r="AM30" s="1"/>
    </row>
    <row r="31" spans="1:39" ht="13.8" x14ac:dyDescent="0.3">
      <c r="B31" s="68"/>
      <c r="C31" s="56" t="s">
        <v>29</v>
      </c>
      <c r="D31" s="70" t="e">
        <f>VLOOKUP($C31,D$8:$M$20,10,0)</f>
        <v>#N/A</v>
      </c>
      <c r="E31" s="70" t="e">
        <f>VLOOKUP($C31,E$8:$M$20,9,0)</f>
        <v>#N/A</v>
      </c>
      <c r="F31" s="70" t="e">
        <f>VLOOKUP($C31,F$8:$M$20,8,0)</f>
        <v>#N/A</v>
      </c>
      <c r="G31" s="70" t="e">
        <f>VLOOKUP($C31,G$8:$M$20,7,0)</f>
        <v>#N/A</v>
      </c>
      <c r="H31" s="70" t="e">
        <f>VLOOKUP($C31,H$8:$M$20,6,0)</f>
        <v>#N/A</v>
      </c>
      <c r="I31" s="70" t="e">
        <f>VLOOKUP($C31,I$8:$M$20,5,0)</f>
        <v>#N/A</v>
      </c>
      <c r="J31" s="54" t="s">
        <v>30</v>
      </c>
      <c r="K31" s="70">
        <f t="shared" si="12"/>
        <v>0</v>
      </c>
      <c r="L31" s="69"/>
      <c r="M31" s="1"/>
      <c r="O31" s="1">
        <f t="shared" si="13"/>
        <v>0</v>
      </c>
      <c r="P31" s="1">
        <f t="shared" si="13"/>
        <v>0</v>
      </c>
      <c r="Q31" s="1">
        <f t="shared" si="13"/>
        <v>0</v>
      </c>
      <c r="R31" s="1">
        <f t="shared" si="13"/>
        <v>0</v>
      </c>
      <c r="S31" s="1">
        <f t="shared" si="13"/>
        <v>0</v>
      </c>
      <c r="T31" s="1">
        <f t="shared" si="13"/>
        <v>0</v>
      </c>
      <c r="U31" s="1">
        <f t="shared" si="13"/>
        <v>0</v>
      </c>
      <c r="V31" s="1">
        <f t="shared" si="13"/>
        <v>0</v>
      </c>
      <c r="W31" s="1">
        <f t="shared" si="13"/>
        <v>0</v>
      </c>
      <c r="X31" s="1">
        <f t="shared" si="13"/>
        <v>0</v>
      </c>
      <c r="Y31" s="1">
        <f t="shared" si="13"/>
        <v>0</v>
      </c>
      <c r="Z31" s="1">
        <f t="shared" si="13"/>
        <v>0</v>
      </c>
      <c r="AA31" s="1">
        <f t="shared" si="13"/>
        <v>0</v>
      </c>
      <c r="AB31" s="1" t="s">
        <v>72</v>
      </c>
      <c r="AC31" s="1" t="s">
        <v>73</v>
      </c>
      <c r="AD31" s="1"/>
      <c r="AE31" s="1"/>
      <c r="AF31" s="1"/>
      <c r="AG31" s="1"/>
      <c r="AH31" s="1"/>
      <c r="AI31" s="1"/>
      <c r="AJ31" s="1"/>
      <c r="AK31" s="1"/>
      <c r="AL31" s="1"/>
      <c r="AM31" s="1"/>
    </row>
    <row r="32" spans="1:39" ht="13.8" x14ac:dyDescent="0.3">
      <c r="B32" s="68"/>
      <c r="C32" s="56" t="s">
        <v>7</v>
      </c>
      <c r="D32" s="70" t="e">
        <f>VLOOKUP($C32,D$8:$M$20,10,0)</f>
        <v>#N/A</v>
      </c>
      <c r="E32" s="70" t="e">
        <f>VLOOKUP($C32,E$8:$M$20,9,0)</f>
        <v>#N/A</v>
      </c>
      <c r="F32" s="70" t="e">
        <f>VLOOKUP($C32,F$8:$M$20,8,0)</f>
        <v>#N/A</v>
      </c>
      <c r="G32" s="70" t="e">
        <f>VLOOKUP($C32,G$8:$M$20,7,0)</f>
        <v>#N/A</v>
      </c>
      <c r="H32" s="70" t="e">
        <f>VLOOKUP($C32,H$8:$M$20,6,0)</f>
        <v>#N/A</v>
      </c>
      <c r="I32" s="70" t="e">
        <f>VLOOKUP($C32,I$8:$M$20,5,0)</f>
        <v>#N/A</v>
      </c>
      <c r="J32" s="54" t="s">
        <v>24</v>
      </c>
      <c r="K32" s="70">
        <f t="shared" si="12"/>
        <v>0</v>
      </c>
      <c r="L32" s="69"/>
      <c r="M32" s="1"/>
      <c r="O32" s="1">
        <f t="shared" si="13"/>
        <v>0</v>
      </c>
      <c r="P32" s="1">
        <f t="shared" si="13"/>
        <v>0</v>
      </c>
      <c r="Q32" s="1">
        <f t="shared" si="13"/>
        <v>0</v>
      </c>
      <c r="R32" s="1">
        <f t="shared" si="13"/>
        <v>0</v>
      </c>
      <c r="S32" s="1">
        <f t="shared" si="13"/>
        <v>0</v>
      </c>
      <c r="T32" s="1">
        <f t="shared" si="13"/>
        <v>0</v>
      </c>
      <c r="U32" s="1">
        <f t="shared" si="13"/>
        <v>0</v>
      </c>
      <c r="V32" s="1">
        <f t="shared" si="13"/>
        <v>0</v>
      </c>
      <c r="W32" s="1">
        <f t="shared" si="13"/>
        <v>0</v>
      </c>
      <c r="X32" s="1">
        <f t="shared" si="13"/>
        <v>0</v>
      </c>
      <c r="Y32" s="1">
        <f t="shared" si="13"/>
        <v>0</v>
      </c>
      <c r="Z32" s="1">
        <f t="shared" si="13"/>
        <v>0</v>
      </c>
      <c r="AA32" s="1">
        <f t="shared" si="13"/>
        <v>0</v>
      </c>
      <c r="AB32" s="41" t="s">
        <v>41</v>
      </c>
      <c r="AC32" s="1" t="s">
        <v>74</v>
      </c>
      <c r="AD32" s="1"/>
      <c r="AE32" s="1"/>
      <c r="AF32" s="1"/>
      <c r="AG32" s="1"/>
      <c r="AH32" s="1"/>
      <c r="AI32" s="1"/>
      <c r="AJ32" s="1"/>
      <c r="AK32" s="1"/>
      <c r="AL32" s="1"/>
      <c r="AM32" s="1"/>
    </row>
    <row r="33" spans="2:39" ht="14.4" thickBot="1" x14ac:dyDescent="0.35">
      <c r="B33" s="71"/>
      <c r="C33" s="72"/>
      <c r="D33" s="73" t="str">
        <f>IF(ISBLANK(C33)," ",VLOOKUP($C33,D$8:$M$20,10,0))</f>
        <v xml:space="preserve"> </v>
      </c>
      <c r="E33" s="73" t="str">
        <f>IF(ISBLANK(C33)," ",VLOOKUP($C33,E$8:$M$20,9,0))</f>
        <v xml:space="preserve"> </v>
      </c>
      <c r="F33" s="73" t="str">
        <f>IF(ISBLANK(C33)," ",VLOOKUP($C33,F$8:$M$20,8,0))</f>
        <v xml:space="preserve"> </v>
      </c>
      <c r="G33" s="73" t="str">
        <f>IF(ISBLANK(C33)," ",VLOOKUP($C33,G$8:$M$20,7,0))</f>
        <v xml:space="preserve"> </v>
      </c>
      <c r="H33" s="73" t="str">
        <f>IF(ISBLANK(C33)," ",VLOOKUP($C33,H$8:$M$20,6,0))</f>
        <v xml:space="preserve"> </v>
      </c>
      <c r="I33" s="73" t="str">
        <f>IF(ISBLANK(C33)," ",VLOOKUP($C33,I$8:$M$20,5,0))</f>
        <v xml:space="preserve"> </v>
      </c>
      <c r="J33" s="60"/>
      <c r="K33" s="73">
        <f>MAX(O33:AA33)</f>
        <v>0</v>
      </c>
      <c r="L33" s="75"/>
      <c r="M33" s="1"/>
      <c r="O33" s="1">
        <f t="shared" si="13"/>
        <v>0</v>
      </c>
      <c r="P33" s="1">
        <f t="shared" si="13"/>
        <v>0</v>
      </c>
      <c r="Q33" s="1">
        <f t="shared" si="13"/>
        <v>0</v>
      </c>
      <c r="R33" s="1">
        <f t="shared" si="13"/>
        <v>0</v>
      </c>
      <c r="S33" s="1">
        <f t="shared" si="13"/>
        <v>0</v>
      </c>
      <c r="T33" s="1">
        <f t="shared" si="13"/>
        <v>0</v>
      </c>
      <c r="U33" s="1">
        <f t="shared" si="13"/>
        <v>0</v>
      </c>
      <c r="V33" s="1">
        <f t="shared" si="13"/>
        <v>0</v>
      </c>
      <c r="W33" s="1">
        <f t="shared" si="13"/>
        <v>0</v>
      </c>
      <c r="X33" s="1">
        <f t="shared" si="13"/>
        <v>0</v>
      </c>
      <c r="Y33" s="1">
        <f t="shared" si="13"/>
        <v>0</v>
      </c>
      <c r="Z33" s="1">
        <f t="shared" si="13"/>
        <v>0</v>
      </c>
      <c r="AA33" s="1">
        <f t="shared" si="13"/>
        <v>0</v>
      </c>
      <c r="AB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</row>
    <row r="34" spans="2:39" ht="14.4" thickBot="1" x14ac:dyDescent="0.35">
      <c r="C34" s="25"/>
      <c r="D34" s="2"/>
      <c r="E34" s="2"/>
      <c r="F34" s="2"/>
      <c r="G34" s="2"/>
      <c r="H34" s="2"/>
      <c r="I34" s="2"/>
      <c r="J34" s="2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</row>
    <row r="35" spans="2:39" ht="13.8" x14ac:dyDescent="0.3">
      <c r="B35" s="76"/>
      <c r="C35" s="77"/>
      <c r="D35" s="93" t="s">
        <v>0</v>
      </c>
      <c r="E35" s="93"/>
      <c r="F35" s="93"/>
      <c r="G35" s="93"/>
      <c r="H35" s="93"/>
      <c r="I35" s="93"/>
      <c r="J35" s="65"/>
      <c r="K35" s="66"/>
      <c r="L35" s="67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</row>
    <row r="36" spans="2:39" ht="13.8" x14ac:dyDescent="0.3">
      <c r="B36" s="68"/>
      <c r="C36" s="42" t="s">
        <v>34</v>
      </c>
      <c r="D36" s="29">
        <v>1</v>
      </c>
      <c r="E36" s="29">
        <v>2</v>
      </c>
      <c r="F36" s="29">
        <v>3</v>
      </c>
      <c r="G36" s="29">
        <v>4</v>
      </c>
      <c r="H36" s="29">
        <v>5</v>
      </c>
      <c r="I36" s="29">
        <v>6</v>
      </c>
      <c r="J36" s="50"/>
      <c r="K36" s="50"/>
      <c r="L36" s="69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  <c r="AA36" s="1"/>
      <c r="AB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</row>
    <row r="37" spans="2:39" ht="13.8" x14ac:dyDescent="0.3">
      <c r="B37" s="68"/>
      <c r="C37" s="56" t="str">
        <f>C24</f>
        <v>Pitcher</v>
      </c>
      <c r="D37" s="70">
        <f t="shared" ref="D37:D45" si="14">COUNTIF(D$8:D$20,$C37)</f>
        <v>0</v>
      </c>
      <c r="E37" s="70">
        <f t="shared" ref="E37:I45" si="15">COUNTIF(E$8:E$20,$C37)</f>
        <v>0</v>
      </c>
      <c r="F37" s="70">
        <f t="shared" si="15"/>
        <v>0</v>
      </c>
      <c r="G37" s="70">
        <f t="shared" si="15"/>
        <v>0</v>
      </c>
      <c r="H37" s="70">
        <f t="shared" si="15"/>
        <v>0</v>
      </c>
      <c r="I37" s="70">
        <f t="shared" si="15"/>
        <v>0</v>
      </c>
      <c r="J37" s="50"/>
      <c r="K37" s="50"/>
      <c r="L37" s="69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  <c r="Z37" s="1"/>
      <c r="AA37" s="1"/>
      <c r="AB37" s="1" t="s">
        <v>80</v>
      </c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</row>
    <row r="38" spans="2:39" ht="13.8" x14ac:dyDescent="0.3">
      <c r="B38" s="68"/>
      <c r="C38" s="56" t="str">
        <f t="shared" ref="C38:C45" si="16">C25</f>
        <v>Catcher</v>
      </c>
      <c r="D38" s="70">
        <f t="shared" si="14"/>
        <v>0</v>
      </c>
      <c r="E38" s="70">
        <f t="shared" si="15"/>
        <v>0</v>
      </c>
      <c r="F38" s="70">
        <f t="shared" si="15"/>
        <v>0</v>
      </c>
      <c r="G38" s="70">
        <f t="shared" si="15"/>
        <v>0</v>
      </c>
      <c r="H38" s="70">
        <f t="shared" si="15"/>
        <v>0</v>
      </c>
      <c r="I38" s="70">
        <f t="shared" si="15"/>
        <v>0</v>
      </c>
      <c r="J38" s="50"/>
      <c r="K38" s="50"/>
      <c r="L38" s="69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  <c r="Z38" s="1"/>
      <c r="AA38" s="1"/>
      <c r="AB38" s="1" t="s">
        <v>81</v>
      </c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</row>
    <row r="39" spans="2:39" ht="13.8" x14ac:dyDescent="0.3">
      <c r="B39" s="68"/>
      <c r="C39" s="56" t="str">
        <f t="shared" si="16"/>
        <v>1st Base</v>
      </c>
      <c r="D39" s="70">
        <f t="shared" si="14"/>
        <v>0</v>
      </c>
      <c r="E39" s="70">
        <f t="shared" si="15"/>
        <v>0</v>
      </c>
      <c r="F39" s="70">
        <f t="shared" si="15"/>
        <v>0</v>
      </c>
      <c r="G39" s="70">
        <f t="shared" si="15"/>
        <v>0</v>
      </c>
      <c r="H39" s="70">
        <f t="shared" si="15"/>
        <v>0</v>
      </c>
      <c r="I39" s="70">
        <f t="shared" si="15"/>
        <v>0</v>
      </c>
      <c r="J39" s="50"/>
      <c r="K39" s="50"/>
      <c r="L39" s="69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A39" s="1"/>
      <c r="AB39" s="1" t="s">
        <v>82</v>
      </c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</row>
    <row r="40" spans="2:39" ht="13.8" x14ac:dyDescent="0.3">
      <c r="B40" s="68"/>
      <c r="C40" s="56" t="str">
        <f t="shared" si="16"/>
        <v>2nd Base</v>
      </c>
      <c r="D40" s="70">
        <f t="shared" si="14"/>
        <v>0</v>
      </c>
      <c r="E40" s="70">
        <f t="shared" si="15"/>
        <v>0</v>
      </c>
      <c r="F40" s="70">
        <f t="shared" si="15"/>
        <v>0</v>
      </c>
      <c r="G40" s="70">
        <f t="shared" si="15"/>
        <v>0</v>
      </c>
      <c r="H40" s="70">
        <f t="shared" si="15"/>
        <v>0</v>
      </c>
      <c r="I40" s="70">
        <f t="shared" si="15"/>
        <v>0</v>
      </c>
      <c r="J40" s="50"/>
      <c r="K40" s="50"/>
      <c r="L40" s="69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  <c r="Z40" s="1"/>
      <c r="AA40" s="1"/>
      <c r="AB40" s="1"/>
      <c r="AC40" s="1"/>
      <c r="AD40" s="1"/>
      <c r="AE40" s="1"/>
      <c r="AF40" s="1"/>
      <c r="AG40" s="1"/>
      <c r="AH40" s="1"/>
      <c r="AI40" s="1"/>
      <c r="AJ40" s="1"/>
      <c r="AK40" s="1"/>
      <c r="AL40" s="1"/>
      <c r="AM40" s="1"/>
    </row>
    <row r="41" spans="2:39" ht="13.8" x14ac:dyDescent="0.3">
      <c r="B41" s="68"/>
      <c r="C41" s="56" t="str">
        <f t="shared" si="16"/>
        <v>Shortstop</v>
      </c>
      <c r="D41" s="70">
        <f t="shared" si="14"/>
        <v>0</v>
      </c>
      <c r="E41" s="70">
        <f t="shared" si="15"/>
        <v>0</v>
      </c>
      <c r="F41" s="70">
        <f t="shared" si="15"/>
        <v>0</v>
      </c>
      <c r="G41" s="70">
        <f t="shared" si="15"/>
        <v>0</v>
      </c>
      <c r="H41" s="70">
        <f t="shared" si="15"/>
        <v>0</v>
      </c>
      <c r="I41" s="70">
        <f t="shared" si="15"/>
        <v>0</v>
      </c>
      <c r="J41" s="50"/>
      <c r="K41" s="50"/>
      <c r="L41" s="69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  <c r="Z41" s="1"/>
      <c r="AA41" s="1"/>
      <c r="AB41" s="90" t="s">
        <v>75</v>
      </c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</row>
    <row r="42" spans="2:39" ht="13.8" x14ac:dyDescent="0.3">
      <c r="B42" s="68"/>
      <c r="C42" s="56" t="str">
        <f t="shared" si="16"/>
        <v>3rd Base</v>
      </c>
      <c r="D42" s="70">
        <f t="shared" si="14"/>
        <v>0</v>
      </c>
      <c r="E42" s="70">
        <f t="shared" si="15"/>
        <v>0</v>
      </c>
      <c r="F42" s="70">
        <f t="shared" si="15"/>
        <v>0</v>
      </c>
      <c r="G42" s="70">
        <f t="shared" si="15"/>
        <v>0</v>
      </c>
      <c r="H42" s="70">
        <f t="shared" si="15"/>
        <v>0</v>
      </c>
      <c r="I42" s="70">
        <f t="shared" si="15"/>
        <v>0</v>
      </c>
      <c r="J42" s="50"/>
      <c r="K42" s="50"/>
      <c r="L42" s="69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  <c r="Z42" s="1"/>
      <c r="AA42" s="1"/>
      <c r="AB42" s="1" t="s">
        <v>76</v>
      </c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</row>
    <row r="43" spans="2:39" ht="13.8" x14ac:dyDescent="0.3">
      <c r="B43" s="68"/>
      <c r="C43" s="56" t="str">
        <f t="shared" si="16"/>
        <v>Lft Field</v>
      </c>
      <c r="D43" s="70">
        <f t="shared" si="14"/>
        <v>0</v>
      </c>
      <c r="E43" s="70">
        <f t="shared" si="15"/>
        <v>0</v>
      </c>
      <c r="F43" s="70">
        <f t="shared" si="15"/>
        <v>0</v>
      </c>
      <c r="G43" s="70">
        <f t="shared" si="15"/>
        <v>0</v>
      </c>
      <c r="H43" s="70">
        <f t="shared" si="15"/>
        <v>0</v>
      </c>
      <c r="I43" s="70">
        <f t="shared" si="15"/>
        <v>0</v>
      </c>
      <c r="J43" s="50"/>
      <c r="K43" s="50"/>
      <c r="L43" s="69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  <c r="AA43" s="1"/>
      <c r="AB43" s="1" t="s">
        <v>77</v>
      </c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</row>
    <row r="44" spans="2:39" ht="13.8" x14ac:dyDescent="0.3">
      <c r="B44" s="68"/>
      <c r="C44" s="56" t="str">
        <f t="shared" si="16"/>
        <v>Ctr Field</v>
      </c>
      <c r="D44" s="70">
        <f t="shared" si="14"/>
        <v>0</v>
      </c>
      <c r="E44" s="70">
        <f t="shared" si="15"/>
        <v>0</v>
      </c>
      <c r="F44" s="70">
        <f t="shared" si="15"/>
        <v>0</v>
      </c>
      <c r="G44" s="70">
        <f t="shared" si="15"/>
        <v>0</v>
      </c>
      <c r="H44" s="70">
        <f t="shared" si="15"/>
        <v>0</v>
      </c>
      <c r="I44" s="70">
        <f t="shared" si="15"/>
        <v>0</v>
      </c>
      <c r="J44" s="50"/>
      <c r="K44" s="50"/>
      <c r="L44" s="69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  <c r="AA44" s="1"/>
      <c r="AB44" s="1" t="s">
        <v>78</v>
      </c>
      <c r="AC44" s="1"/>
      <c r="AD44" s="1"/>
      <c r="AE44" s="1"/>
      <c r="AF44" s="1"/>
      <c r="AG44" s="1"/>
      <c r="AH44" s="1"/>
      <c r="AI44" s="1"/>
      <c r="AJ44" s="1"/>
      <c r="AK44" s="1"/>
      <c r="AL44" s="1"/>
      <c r="AM44" s="1"/>
    </row>
    <row r="45" spans="2:39" ht="13.8" x14ac:dyDescent="0.3">
      <c r="B45" s="68"/>
      <c r="C45" s="56" t="str">
        <f t="shared" si="16"/>
        <v>Rt Field</v>
      </c>
      <c r="D45" s="70">
        <f t="shared" si="14"/>
        <v>0</v>
      </c>
      <c r="E45" s="70">
        <f t="shared" si="15"/>
        <v>0</v>
      </c>
      <c r="F45" s="70">
        <f t="shared" si="15"/>
        <v>0</v>
      </c>
      <c r="G45" s="70">
        <f t="shared" si="15"/>
        <v>0</v>
      </c>
      <c r="H45" s="70">
        <f t="shared" si="15"/>
        <v>0</v>
      </c>
      <c r="I45" s="70">
        <f t="shared" si="15"/>
        <v>0</v>
      </c>
      <c r="J45" s="50"/>
      <c r="K45" s="50"/>
      <c r="L45" s="69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  <c r="Z45" s="1"/>
      <c r="AA45" s="1"/>
      <c r="AB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</row>
    <row r="46" spans="2:39" ht="14.4" thickBot="1" x14ac:dyDescent="0.35">
      <c r="B46" s="71"/>
      <c r="C46" s="62" t="str">
        <f>IF(ISBLANK(C33),"",C33)</f>
        <v/>
      </c>
      <c r="D46" s="73" t="str">
        <f t="shared" ref="D46:I46" si="17">IF(ISBLANK($C33),"",COUNTIF(D$8:D$20,$C46))</f>
        <v/>
      </c>
      <c r="E46" s="73" t="str">
        <f t="shared" si="17"/>
        <v/>
      </c>
      <c r="F46" s="73" t="str">
        <f t="shared" si="17"/>
        <v/>
      </c>
      <c r="G46" s="73" t="str">
        <f t="shared" si="17"/>
        <v/>
      </c>
      <c r="H46" s="73" t="str">
        <f t="shared" si="17"/>
        <v/>
      </c>
      <c r="I46" s="73" t="str">
        <f t="shared" si="17"/>
        <v/>
      </c>
      <c r="J46" s="74"/>
      <c r="K46" s="74"/>
      <c r="L46" s="75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  <c r="Z46" s="1"/>
      <c r="AA46" s="1"/>
      <c r="AB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</row>
    <row r="47" spans="2:39" ht="13.8" x14ac:dyDescent="0.3"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  <c r="Z47" s="1"/>
      <c r="AA47" s="1"/>
      <c r="AB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</row>
    <row r="48" spans="2:39" ht="13.8" x14ac:dyDescent="0.3"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  <c r="AA48" s="1"/>
      <c r="AB48" s="1"/>
      <c r="AC48" s="1"/>
      <c r="AD48" s="1"/>
      <c r="AE48" s="1"/>
      <c r="AF48" s="1"/>
      <c r="AG48" s="1"/>
      <c r="AH48" s="1"/>
      <c r="AI48" s="1"/>
      <c r="AJ48" s="1"/>
      <c r="AK48" s="1"/>
      <c r="AL48" s="1"/>
      <c r="AM48" s="1"/>
    </row>
    <row r="49" spans="3:39" ht="13.8" x14ac:dyDescent="0.3"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  <c r="AA49" s="1"/>
      <c r="AB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</row>
    <row r="50" spans="3:39" ht="13.8" x14ac:dyDescent="0.3"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  <c r="Z50" s="1"/>
      <c r="AA50" s="1"/>
      <c r="AB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</row>
    <row r="51" spans="3:39" ht="13.8" x14ac:dyDescent="0.3"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  <c r="AA51" s="1"/>
      <c r="AB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</row>
    <row r="52" spans="3:39" ht="13.8" x14ac:dyDescent="0.3"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  <c r="Z52" s="1"/>
      <c r="AA52" s="1"/>
      <c r="AB52" s="1"/>
      <c r="AC52" s="1"/>
      <c r="AD52" s="1"/>
      <c r="AE52" s="1"/>
      <c r="AF52" s="1"/>
      <c r="AG52" s="1"/>
      <c r="AH52" s="1"/>
      <c r="AI52" s="1"/>
      <c r="AJ52" s="1"/>
      <c r="AK52" s="1"/>
      <c r="AL52" s="1"/>
      <c r="AM52" s="1"/>
    </row>
    <row r="53" spans="3:39" ht="13.8" x14ac:dyDescent="0.3"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  <c r="AA53" s="1"/>
      <c r="AB53" s="1"/>
      <c r="AC53" s="1"/>
      <c r="AD53" s="1"/>
      <c r="AE53" s="1"/>
      <c r="AF53" s="1"/>
      <c r="AG53" s="1"/>
      <c r="AH53" s="1"/>
      <c r="AI53" s="1"/>
      <c r="AJ53" s="1"/>
      <c r="AK53" s="1"/>
      <c r="AL53" s="1"/>
      <c r="AM53" s="1"/>
    </row>
    <row r="54" spans="3:39" ht="13.8" x14ac:dyDescent="0.3"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  <c r="AA54" s="1"/>
      <c r="AB54" s="1"/>
      <c r="AC54" s="1"/>
      <c r="AD54" s="1"/>
      <c r="AE54" s="1"/>
      <c r="AF54" s="1"/>
      <c r="AG54" s="1"/>
      <c r="AH54" s="1"/>
      <c r="AI54" s="1"/>
      <c r="AJ54" s="1"/>
      <c r="AK54" s="1"/>
      <c r="AL54" s="1"/>
      <c r="AM54" s="1"/>
    </row>
    <row r="55" spans="3:39" ht="13.8" x14ac:dyDescent="0.3"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  <c r="Z55" s="1"/>
      <c r="AA55" s="1"/>
      <c r="AB55" s="1"/>
      <c r="AC55" s="1"/>
      <c r="AD55" s="1"/>
      <c r="AE55" s="1"/>
      <c r="AF55" s="1"/>
      <c r="AG55" s="1"/>
      <c r="AH55" s="1"/>
      <c r="AI55" s="1"/>
      <c r="AJ55" s="1"/>
      <c r="AK55" s="1"/>
      <c r="AL55" s="1"/>
      <c r="AM55" s="1"/>
    </row>
    <row r="56" spans="3:39" ht="13.8" x14ac:dyDescent="0.3"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  <c r="Z56" s="1"/>
      <c r="AA56" s="1"/>
      <c r="AB56" s="1"/>
      <c r="AC56" s="1"/>
      <c r="AD56" s="1"/>
      <c r="AE56" s="1"/>
      <c r="AF56" s="1"/>
      <c r="AG56" s="1"/>
      <c r="AH56" s="1"/>
      <c r="AI56" s="1"/>
      <c r="AJ56" s="1"/>
      <c r="AK56" s="1"/>
      <c r="AL56" s="1"/>
      <c r="AM56" s="1"/>
    </row>
    <row r="57" spans="3:39" ht="13.8" x14ac:dyDescent="0.3"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  <c r="AA57" s="1"/>
      <c r="AB57" s="1"/>
      <c r="AC57" s="1"/>
      <c r="AD57" s="1"/>
      <c r="AE57" s="1"/>
      <c r="AF57" s="1"/>
      <c r="AG57" s="1"/>
      <c r="AH57" s="1"/>
      <c r="AI57" s="1"/>
      <c r="AJ57" s="1"/>
      <c r="AK57" s="1"/>
      <c r="AL57" s="1"/>
      <c r="AM57" s="1"/>
    </row>
    <row r="58" spans="3:39" ht="13.8" x14ac:dyDescent="0.3"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  <c r="Z58" s="1"/>
      <c r="AA58" s="1"/>
      <c r="AB58" s="1"/>
      <c r="AC58" s="1"/>
      <c r="AD58" s="1"/>
      <c r="AE58" s="1"/>
      <c r="AF58" s="1"/>
      <c r="AG58" s="1"/>
      <c r="AH58" s="1"/>
      <c r="AI58" s="1"/>
      <c r="AJ58" s="1"/>
      <c r="AK58" s="1"/>
      <c r="AL58" s="1"/>
      <c r="AM58" s="1"/>
    </row>
    <row r="59" spans="3:39" ht="13.8" x14ac:dyDescent="0.3"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  <c r="Z59" s="1"/>
      <c r="AA59" s="1"/>
      <c r="AB59" s="1"/>
      <c r="AC59" s="1"/>
      <c r="AD59" s="1"/>
      <c r="AE59" s="1"/>
      <c r="AF59" s="1"/>
      <c r="AG59" s="1"/>
      <c r="AH59" s="1"/>
      <c r="AI59" s="1"/>
      <c r="AJ59" s="1"/>
      <c r="AK59" s="1"/>
      <c r="AL59" s="1"/>
      <c r="AM59" s="1"/>
    </row>
    <row r="60" spans="3:39" ht="13.8" x14ac:dyDescent="0.3"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  <c r="Z60" s="1"/>
      <c r="AA60" s="1"/>
      <c r="AB60" s="1"/>
      <c r="AC60" s="1"/>
      <c r="AD60" s="1"/>
      <c r="AE60" s="1"/>
      <c r="AF60" s="1"/>
      <c r="AG60" s="1"/>
      <c r="AH60" s="1"/>
      <c r="AI60" s="1"/>
      <c r="AJ60" s="1"/>
      <c r="AK60" s="1"/>
      <c r="AL60" s="1"/>
      <c r="AM60" s="1"/>
    </row>
    <row r="61" spans="3:39" ht="13.8" x14ac:dyDescent="0.3"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  <c r="AA61" s="1"/>
      <c r="AB61" s="1"/>
      <c r="AC61" s="1"/>
      <c r="AD61" s="1"/>
      <c r="AE61" s="1"/>
      <c r="AF61" s="1"/>
      <c r="AG61" s="1"/>
      <c r="AH61" s="1"/>
      <c r="AI61" s="1"/>
      <c r="AJ61" s="1"/>
      <c r="AK61" s="1"/>
      <c r="AL61" s="1"/>
      <c r="AM61" s="1"/>
    </row>
    <row r="62" spans="3:39" ht="13.8" x14ac:dyDescent="0.3"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  <c r="AA62" s="1"/>
      <c r="AB62" s="1"/>
      <c r="AC62" s="1"/>
      <c r="AD62" s="1"/>
      <c r="AE62" s="1"/>
      <c r="AF62" s="1"/>
      <c r="AG62" s="1"/>
      <c r="AH62" s="1"/>
      <c r="AI62" s="1"/>
      <c r="AJ62" s="1"/>
      <c r="AK62" s="1"/>
      <c r="AL62" s="1"/>
      <c r="AM62" s="1"/>
    </row>
    <row r="63" spans="3:39" ht="13.8" x14ac:dyDescent="0.3"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  <c r="AA63" s="1"/>
      <c r="AB63" s="1"/>
      <c r="AC63" s="1"/>
      <c r="AD63" s="1"/>
      <c r="AE63" s="1"/>
      <c r="AF63" s="1"/>
      <c r="AG63" s="1"/>
      <c r="AH63" s="1"/>
      <c r="AI63" s="1"/>
      <c r="AJ63" s="1"/>
      <c r="AK63" s="1"/>
      <c r="AL63" s="1"/>
      <c r="AM63" s="1"/>
    </row>
    <row r="64" spans="3:39" ht="13.8" x14ac:dyDescent="0.3"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  <c r="AA64" s="1"/>
      <c r="AB64" s="1"/>
      <c r="AC64" s="1"/>
      <c r="AD64" s="1"/>
      <c r="AE64" s="1"/>
      <c r="AF64" s="1"/>
      <c r="AG64" s="1"/>
      <c r="AH64" s="1"/>
      <c r="AI64" s="1"/>
      <c r="AJ64" s="1"/>
      <c r="AK64" s="1"/>
      <c r="AL64" s="1"/>
      <c r="AM64" s="1"/>
    </row>
    <row r="65" spans="3:39" ht="13.8" x14ac:dyDescent="0.3"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  <c r="Z65" s="1"/>
      <c r="AA65" s="1"/>
      <c r="AB65" s="1"/>
      <c r="AC65" s="1"/>
      <c r="AD65" s="1"/>
      <c r="AE65" s="1"/>
      <c r="AF65" s="1"/>
      <c r="AG65" s="1"/>
      <c r="AH65" s="1"/>
      <c r="AI65" s="1"/>
      <c r="AJ65" s="1"/>
      <c r="AK65" s="1"/>
      <c r="AL65" s="1"/>
      <c r="AM65" s="1"/>
    </row>
    <row r="66" spans="3:39" ht="13.8" x14ac:dyDescent="0.3"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  <c r="AA66" s="1"/>
      <c r="AB66" s="1"/>
      <c r="AC66" s="1"/>
      <c r="AD66" s="1"/>
      <c r="AE66" s="1"/>
      <c r="AF66" s="1"/>
      <c r="AG66" s="1"/>
      <c r="AH66" s="1"/>
      <c r="AI66" s="1"/>
      <c r="AJ66" s="1"/>
      <c r="AK66" s="1"/>
      <c r="AL66" s="1"/>
      <c r="AM66" s="1"/>
    </row>
    <row r="67" spans="3:39" ht="13.8" x14ac:dyDescent="0.3">
      <c r="C67" s="1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  <c r="AA67" s="1"/>
      <c r="AB67" s="1"/>
      <c r="AC67" s="1"/>
      <c r="AD67" s="1"/>
      <c r="AE67" s="1"/>
      <c r="AF67" s="1"/>
      <c r="AG67" s="1"/>
      <c r="AH67" s="1"/>
      <c r="AI67" s="1"/>
      <c r="AJ67" s="1"/>
      <c r="AK67" s="1"/>
      <c r="AL67" s="1"/>
      <c r="AM67" s="1"/>
    </row>
    <row r="68" spans="3:39" ht="13.8" x14ac:dyDescent="0.3"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  <c r="AA68" s="1"/>
      <c r="AB68" s="1"/>
      <c r="AC68" s="1"/>
      <c r="AD68" s="1"/>
      <c r="AE68" s="1"/>
      <c r="AF68" s="1"/>
      <c r="AG68" s="1"/>
      <c r="AH68" s="1"/>
      <c r="AI68" s="1"/>
      <c r="AJ68" s="1"/>
      <c r="AK68" s="1"/>
      <c r="AL68" s="1"/>
      <c r="AM68" s="1"/>
    </row>
    <row r="69" spans="3:39" ht="13.8" x14ac:dyDescent="0.3"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  <c r="AA69" s="1"/>
      <c r="AB69" s="1"/>
      <c r="AC69" s="1"/>
      <c r="AD69" s="1"/>
      <c r="AE69" s="1"/>
      <c r="AF69" s="1"/>
      <c r="AG69" s="1"/>
      <c r="AH69" s="1"/>
      <c r="AI69" s="1"/>
      <c r="AJ69" s="1"/>
      <c r="AK69" s="1"/>
      <c r="AL69" s="1"/>
      <c r="AM69" s="1"/>
    </row>
    <row r="70" spans="3:39" ht="13.8" x14ac:dyDescent="0.3"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  <c r="AA70" s="1"/>
      <c r="AB70" s="1"/>
      <c r="AC70" s="1"/>
      <c r="AD70" s="1"/>
      <c r="AE70" s="1"/>
      <c r="AF70" s="1"/>
      <c r="AG70" s="1"/>
      <c r="AH70" s="1"/>
      <c r="AI70" s="1"/>
      <c r="AJ70" s="1"/>
      <c r="AK70" s="1"/>
      <c r="AL70" s="1"/>
      <c r="AM70" s="1"/>
    </row>
    <row r="71" spans="3:39" ht="13.8" x14ac:dyDescent="0.3"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  <c r="AA71" s="1"/>
      <c r="AB71" s="1"/>
      <c r="AC71" s="1"/>
      <c r="AD71" s="1"/>
      <c r="AE71" s="1"/>
      <c r="AF71" s="1"/>
      <c r="AG71" s="1"/>
      <c r="AH71" s="1"/>
      <c r="AI71" s="1"/>
      <c r="AJ71" s="1"/>
      <c r="AK71" s="1"/>
      <c r="AL71" s="1"/>
      <c r="AM71" s="1"/>
    </row>
    <row r="72" spans="3:39" ht="13.8" x14ac:dyDescent="0.3">
      <c r="C72" s="1"/>
      <c r="D72" s="1"/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  <c r="AA72" s="1"/>
      <c r="AB72" s="1"/>
      <c r="AC72" s="1"/>
      <c r="AD72" s="1"/>
      <c r="AE72" s="1"/>
      <c r="AF72" s="1"/>
      <c r="AG72" s="1"/>
      <c r="AH72" s="1"/>
      <c r="AI72" s="1"/>
      <c r="AJ72" s="1"/>
      <c r="AK72" s="1"/>
      <c r="AL72" s="1"/>
      <c r="AM72" s="1"/>
    </row>
    <row r="73" spans="3:39" ht="13.8" x14ac:dyDescent="0.3">
      <c r="C73" s="1"/>
      <c r="D73" s="1"/>
      <c r="E73" s="1"/>
      <c r="F73" s="1"/>
      <c r="G73" s="1"/>
      <c r="H73" s="1"/>
      <c r="I73" s="1"/>
      <c r="J73" s="1"/>
      <c r="K73" s="1"/>
      <c r="L73" s="1"/>
      <c r="M73" s="1"/>
      <c r="N73" s="1"/>
      <c r="O73" s="1"/>
      <c r="P73" s="1"/>
      <c r="Q73" s="1"/>
      <c r="R73" s="1"/>
      <c r="S73" s="1"/>
      <c r="T73" s="1"/>
      <c r="U73" s="1"/>
      <c r="V73" s="1"/>
      <c r="W73" s="1"/>
      <c r="X73" s="1"/>
      <c r="Y73" s="1"/>
      <c r="Z73" s="1"/>
      <c r="AA73" s="1"/>
      <c r="AB73" s="1"/>
      <c r="AC73" s="1"/>
      <c r="AD73" s="1"/>
      <c r="AE73" s="1"/>
      <c r="AF73" s="1"/>
      <c r="AG73" s="1"/>
      <c r="AH73" s="1"/>
      <c r="AI73" s="1"/>
      <c r="AJ73" s="1"/>
      <c r="AK73" s="1"/>
      <c r="AL73" s="1"/>
      <c r="AM73" s="1"/>
    </row>
    <row r="74" spans="3:39" ht="13.8" x14ac:dyDescent="0.3">
      <c r="C74" s="1"/>
      <c r="D74" s="1"/>
      <c r="E74" s="1"/>
      <c r="F74" s="1"/>
      <c r="G74" s="1"/>
      <c r="H74" s="1"/>
      <c r="I74" s="1"/>
      <c r="J74" s="1"/>
      <c r="K74" s="1"/>
      <c r="L74" s="1"/>
      <c r="M74" s="1"/>
      <c r="N74" s="1"/>
      <c r="O74" s="1"/>
      <c r="P74" s="1"/>
      <c r="Q74" s="1"/>
      <c r="R74" s="1"/>
      <c r="S74" s="1"/>
      <c r="T74" s="1"/>
      <c r="U74" s="1"/>
      <c r="V74" s="1"/>
      <c r="W74" s="1"/>
      <c r="X74" s="1"/>
      <c r="Y74" s="1"/>
      <c r="Z74" s="1"/>
      <c r="AA74" s="1"/>
      <c r="AB74" s="1"/>
      <c r="AC74" s="1"/>
      <c r="AD74" s="1"/>
      <c r="AE74" s="1"/>
      <c r="AF74" s="1"/>
      <c r="AG74" s="1"/>
      <c r="AH74" s="1"/>
      <c r="AI74" s="1"/>
      <c r="AJ74" s="1"/>
      <c r="AK74" s="1"/>
      <c r="AL74" s="1"/>
      <c r="AM74" s="1"/>
    </row>
    <row r="75" spans="3:39" ht="13.8" x14ac:dyDescent="0.3">
      <c r="C75" s="1"/>
      <c r="D75" s="1"/>
      <c r="E75" s="1"/>
      <c r="F75" s="1"/>
      <c r="G75" s="1"/>
      <c r="H75" s="1"/>
      <c r="I75" s="1"/>
      <c r="J75" s="1"/>
      <c r="K75" s="1"/>
      <c r="L75" s="1"/>
      <c r="M75" s="1"/>
      <c r="N75" s="1"/>
      <c r="O75" s="1"/>
      <c r="P75" s="1"/>
      <c r="Q75" s="1"/>
      <c r="R75" s="1"/>
      <c r="S75" s="1"/>
      <c r="T75" s="1"/>
      <c r="U75" s="1"/>
      <c r="V75" s="1"/>
      <c r="W75" s="1"/>
      <c r="X75" s="1"/>
      <c r="Y75" s="1"/>
      <c r="Z75" s="1"/>
      <c r="AA75" s="1"/>
      <c r="AB75" s="1"/>
      <c r="AC75" s="1"/>
      <c r="AD75" s="1"/>
      <c r="AE75" s="1"/>
      <c r="AF75" s="1"/>
      <c r="AG75" s="1"/>
      <c r="AH75" s="1"/>
      <c r="AI75" s="1"/>
      <c r="AJ75" s="1"/>
      <c r="AK75" s="1"/>
      <c r="AL75" s="1"/>
      <c r="AM75" s="1"/>
    </row>
    <row r="76" spans="3:39" ht="13.8" x14ac:dyDescent="0.3">
      <c r="C76" s="1"/>
      <c r="D76" s="1"/>
      <c r="E76" s="1"/>
      <c r="F76" s="1"/>
      <c r="G76" s="1"/>
      <c r="H76" s="1"/>
      <c r="I76" s="1"/>
      <c r="J76" s="1"/>
      <c r="K76" s="1"/>
      <c r="L76" s="1"/>
      <c r="M76" s="1"/>
      <c r="N76" s="1"/>
      <c r="O76" s="1"/>
      <c r="P76" s="1"/>
      <c r="Q76" s="1"/>
      <c r="R76" s="1"/>
      <c r="S76" s="1"/>
      <c r="T76" s="1"/>
      <c r="U76" s="1"/>
      <c r="V76" s="1"/>
      <c r="W76" s="1"/>
      <c r="X76" s="1"/>
      <c r="Y76" s="1"/>
      <c r="Z76" s="1"/>
      <c r="AA76" s="1"/>
      <c r="AB76" s="1"/>
      <c r="AC76" s="1"/>
      <c r="AD76" s="1"/>
      <c r="AE76" s="1"/>
      <c r="AF76" s="1"/>
      <c r="AG76" s="1"/>
      <c r="AH76" s="1"/>
      <c r="AI76" s="1"/>
      <c r="AJ76" s="1"/>
      <c r="AK76" s="1"/>
      <c r="AL76" s="1"/>
      <c r="AM76" s="1"/>
    </row>
    <row r="77" spans="3:39" ht="13.8" x14ac:dyDescent="0.3">
      <c r="C77" s="1"/>
      <c r="D77" s="1"/>
      <c r="E77" s="1"/>
      <c r="F77" s="1"/>
      <c r="G77" s="1"/>
      <c r="H77" s="1"/>
      <c r="I77" s="1"/>
      <c r="J77" s="1"/>
      <c r="K77" s="1"/>
      <c r="L77" s="1"/>
      <c r="M77" s="1"/>
      <c r="N77" s="1"/>
      <c r="O77" s="1"/>
      <c r="P77" s="1"/>
      <c r="Q77" s="1"/>
      <c r="R77" s="1"/>
      <c r="S77" s="1"/>
      <c r="T77" s="1"/>
      <c r="U77" s="1"/>
      <c r="V77" s="1"/>
      <c r="W77" s="1"/>
      <c r="X77" s="1"/>
      <c r="Y77" s="1"/>
      <c r="Z77" s="1"/>
      <c r="AA77" s="1"/>
      <c r="AB77" s="1"/>
      <c r="AC77" s="1"/>
      <c r="AD77" s="1"/>
      <c r="AE77" s="1"/>
      <c r="AF77" s="1"/>
      <c r="AG77" s="1"/>
      <c r="AH77" s="1"/>
      <c r="AI77" s="1"/>
      <c r="AJ77" s="1"/>
      <c r="AK77" s="1"/>
      <c r="AL77" s="1"/>
      <c r="AM77" s="1"/>
    </row>
    <row r="78" spans="3:39" ht="13.8" x14ac:dyDescent="0.3">
      <c r="C78" s="1"/>
      <c r="D78" s="1"/>
      <c r="E78" s="1"/>
      <c r="F78" s="1"/>
      <c r="G78" s="1"/>
      <c r="H78" s="1"/>
      <c r="I78" s="1"/>
      <c r="J78" s="1"/>
      <c r="K78" s="1"/>
      <c r="L78" s="1"/>
      <c r="M78" s="1"/>
      <c r="N78" s="1"/>
      <c r="O78" s="1"/>
      <c r="P78" s="1"/>
      <c r="Q78" s="1"/>
      <c r="R78" s="1"/>
      <c r="S78" s="1"/>
      <c r="T78" s="1"/>
      <c r="U78" s="1"/>
      <c r="V78" s="1"/>
      <c r="W78" s="1"/>
      <c r="X78" s="1"/>
      <c r="Y78" s="1"/>
      <c r="Z78" s="1"/>
      <c r="AA78" s="1"/>
      <c r="AB78" s="1"/>
      <c r="AC78" s="1"/>
      <c r="AD78" s="1"/>
      <c r="AE78" s="1"/>
      <c r="AF78" s="1"/>
      <c r="AG78" s="1"/>
      <c r="AH78" s="1"/>
      <c r="AI78" s="1"/>
      <c r="AJ78" s="1"/>
      <c r="AK78" s="1"/>
      <c r="AL78" s="1"/>
      <c r="AM78" s="1"/>
    </row>
    <row r="79" spans="3:39" ht="13.8" x14ac:dyDescent="0.3">
      <c r="C79" s="1"/>
      <c r="D79" s="1"/>
      <c r="E79" s="1"/>
      <c r="F79" s="1"/>
      <c r="G79" s="1"/>
      <c r="H79" s="1"/>
      <c r="I79" s="1"/>
      <c r="J79" s="1"/>
      <c r="K79" s="1"/>
      <c r="L79" s="1"/>
      <c r="M79" s="1"/>
      <c r="N79" s="1"/>
      <c r="O79" s="1"/>
      <c r="P79" s="1"/>
      <c r="Q79" s="1"/>
      <c r="R79" s="1"/>
      <c r="S79" s="1"/>
      <c r="T79" s="1"/>
      <c r="U79" s="1"/>
      <c r="V79" s="1"/>
      <c r="W79" s="1"/>
      <c r="X79" s="1"/>
      <c r="Y79" s="1"/>
      <c r="Z79" s="1"/>
      <c r="AA79" s="1"/>
      <c r="AB79" s="1"/>
      <c r="AC79" s="1"/>
      <c r="AD79" s="1"/>
      <c r="AE79" s="1"/>
      <c r="AF79" s="1"/>
      <c r="AG79" s="1"/>
      <c r="AH79" s="1"/>
      <c r="AI79" s="1"/>
      <c r="AJ79" s="1"/>
      <c r="AK79" s="1"/>
      <c r="AL79" s="1"/>
      <c r="AM79" s="1"/>
    </row>
    <row r="80" spans="3:39" ht="13.8" x14ac:dyDescent="0.3">
      <c r="C80" s="1"/>
      <c r="D80" s="1"/>
      <c r="E80" s="1"/>
      <c r="F80" s="1"/>
      <c r="G80" s="1"/>
      <c r="H80" s="1"/>
      <c r="I80" s="1"/>
      <c r="J80" s="1"/>
      <c r="K80" s="1"/>
      <c r="L80" s="1"/>
      <c r="M80" s="1"/>
      <c r="N80" s="1"/>
      <c r="O80" s="1"/>
      <c r="P80" s="1"/>
      <c r="Q80" s="1"/>
      <c r="R80" s="1"/>
      <c r="S80" s="1"/>
      <c r="T80" s="1"/>
      <c r="U80" s="1"/>
      <c r="V80" s="1"/>
      <c r="W80" s="1"/>
      <c r="X80" s="1"/>
      <c r="Y80" s="1"/>
      <c r="Z80" s="1"/>
      <c r="AA80" s="1"/>
      <c r="AB80" s="1"/>
      <c r="AC80" s="1"/>
      <c r="AD80" s="1"/>
      <c r="AE80" s="1"/>
      <c r="AF80" s="1"/>
      <c r="AG80" s="1"/>
      <c r="AH80" s="1"/>
      <c r="AI80" s="1"/>
      <c r="AJ80" s="1"/>
      <c r="AK80" s="1"/>
      <c r="AL80" s="1"/>
      <c r="AM80" s="1"/>
    </row>
    <row r="81" spans="3:39" ht="13.8" x14ac:dyDescent="0.3">
      <c r="C81" s="1"/>
      <c r="D81" s="1"/>
      <c r="E81" s="1"/>
      <c r="F81" s="1"/>
      <c r="G81" s="1"/>
      <c r="H81" s="1"/>
      <c r="I81" s="1"/>
      <c r="J81" s="1"/>
      <c r="K81" s="1"/>
      <c r="L81" s="1"/>
      <c r="M81" s="1"/>
      <c r="N81" s="1"/>
      <c r="O81" s="1"/>
      <c r="P81" s="1"/>
      <c r="Q81" s="1"/>
      <c r="R81" s="1"/>
      <c r="S81" s="1"/>
      <c r="T81" s="1"/>
      <c r="U81" s="1"/>
      <c r="V81" s="1"/>
      <c r="W81" s="1"/>
      <c r="X81" s="1"/>
      <c r="Y81" s="1"/>
      <c r="Z81" s="1"/>
      <c r="AA81" s="1"/>
      <c r="AB81" s="1"/>
      <c r="AC81" s="1"/>
      <c r="AD81" s="1"/>
      <c r="AE81" s="1"/>
      <c r="AF81" s="1"/>
      <c r="AG81" s="1"/>
      <c r="AH81" s="1"/>
      <c r="AI81" s="1"/>
      <c r="AJ81" s="1"/>
      <c r="AK81" s="1"/>
      <c r="AL81" s="1"/>
      <c r="AM81" s="1"/>
    </row>
    <row r="82" spans="3:39" ht="13.8" x14ac:dyDescent="0.3">
      <c r="C82" s="1"/>
      <c r="D82" s="1"/>
      <c r="E82" s="1"/>
      <c r="F82" s="1"/>
      <c r="G82" s="1"/>
      <c r="H82" s="1"/>
      <c r="I82" s="1"/>
      <c r="J82" s="1"/>
      <c r="K82" s="1"/>
      <c r="L82" s="1"/>
      <c r="M82" s="1"/>
      <c r="N82" s="1"/>
      <c r="O82" s="1"/>
      <c r="P82" s="1"/>
      <c r="Q82" s="1"/>
      <c r="R82" s="1"/>
      <c r="S82" s="1"/>
      <c r="T82" s="1"/>
      <c r="U82" s="1"/>
      <c r="V82" s="1"/>
      <c r="W82" s="1"/>
      <c r="X82" s="1"/>
      <c r="Y82" s="1"/>
      <c r="Z82" s="1"/>
      <c r="AA82" s="1"/>
      <c r="AB82" s="1"/>
      <c r="AC82" s="1"/>
      <c r="AD82" s="1"/>
      <c r="AE82" s="1"/>
      <c r="AF82" s="1"/>
      <c r="AG82" s="1"/>
      <c r="AH82" s="1"/>
      <c r="AI82" s="1"/>
      <c r="AJ82" s="1"/>
      <c r="AK82" s="1"/>
      <c r="AL82" s="1"/>
      <c r="AM82" s="1"/>
    </row>
    <row r="83" spans="3:39" ht="13.8" x14ac:dyDescent="0.3">
      <c r="C83" s="1"/>
      <c r="D83" s="1"/>
      <c r="E83" s="1"/>
      <c r="F83" s="1"/>
      <c r="G83" s="1"/>
      <c r="H83" s="1"/>
      <c r="I83" s="1"/>
      <c r="J83" s="1"/>
      <c r="K83" s="1"/>
      <c r="L83" s="1"/>
      <c r="M83" s="1"/>
      <c r="N83" s="1"/>
      <c r="O83" s="1"/>
      <c r="P83" s="1"/>
      <c r="Q83" s="1"/>
      <c r="R83" s="1"/>
      <c r="S83" s="1"/>
      <c r="T83" s="1"/>
      <c r="U83" s="1"/>
      <c r="V83" s="1"/>
      <c r="W83" s="1"/>
      <c r="X83" s="1"/>
      <c r="Y83" s="1"/>
      <c r="Z83" s="1"/>
      <c r="AA83" s="1"/>
      <c r="AB83" s="1"/>
      <c r="AC83" s="1"/>
      <c r="AD83" s="1"/>
      <c r="AE83" s="1"/>
      <c r="AF83" s="1"/>
      <c r="AG83" s="1"/>
      <c r="AH83" s="1"/>
      <c r="AI83" s="1"/>
      <c r="AJ83" s="1"/>
      <c r="AK83" s="1"/>
      <c r="AL83" s="1"/>
      <c r="AM83" s="1"/>
    </row>
    <row r="84" spans="3:39" ht="13.8" x14ac:dyDescent="0.3">
      <c r="C84" s="1"/>
      <c r="D84" s="1"/>
      <c r="E84" s="1"/>
      <c r="F84" s="1"/>
      <c r="G84" s="1"/>
      <c r="H84" s="1"/>
      <c r="I84" s="1"/>
      <c r="J84" s="1"/>
      <c r="K84" s="1"/>
      <c r="L84" s="1"/>
      <c r="M84" s="1"/>
      <c r="N84" s="1"/>
      <c r="O84" s="1"/>
      <c r="P84" s="1"/>
      <c r="Q84" s="1"/>
      <c r="R84" s="1"/>
      <c r="S84" s="1"/>
      <c r="T84" s="1"/>
      <c r="U84" s="1"/>
      <c r="V84" s="1"/>
      <c r="W84" s="1"/>
      <c r="X84" s="1"/>
      <c r="Y84" s="1"/>
      <c r="Z84" s="1"/>
      <c r="AA84" s="1"/>
      <c r="AB84" s="1"/>
      <c r="AC84" s="1"/>
      <c r="AD84" s="1"/>
      <c r="AE84" s="1"/>
      <c r="AF84" s="1"/>
      <c r="AG84" s="1"/>
      <c r="AH84" s="1"/>
      <c r="AI84" s="1"/>
      <c r="AJ84" s="1"/>
      <c r="AK84" s="1"/>
      <c r="AL84" s="1"/>
      <c r="AM84" s="1"/>
    </row>
    <row r="85" spans="3:39" ht="13.8" x14ac:dyDescent="0.3">
      <c r="C85" s="1"/>
      <c r="D85" s="1"/>
      <c r="E85" s="1"/>
      <c r="F85" s="1"/>
      <c r="G85" s="1"/>
      <c r="H85" s="1"/>
      <c r="I85" s="1"/>
      <c r="J85" s="1"/>
      <c r="K85" s="1"/>
      <c r="L85" s="1"/>
      <c r="M85" s="1"/>
      <c r="N85" s="1"/>
      <c r="O85" s="1"/>
      <c r="P85" s="1"/>
      <c r="Q85" s="1"/>
      <c r="R85" s="1"/>
      <c r="S85" s="1"/>
      <c r="T85" s="1"/>
      <c r="U85" s="1"/>
      <c r="V85" s="1"/>
      <c r="W85" s="1"/>
      <c r="X85" s="1"/>
      <c r="Y85" s="1"/>
      <c r="Z85" s="1"/>
      <c r="AA85" s="1"/>
      <c r="AB85" s="1"/>
      <c r="AC85" s="1"/>
      <c r="AD85" s="1"/>
      <c r="AE85" s="1"/>
      <c r="AF85" s="1"/>
      <c r="AG85" s="1"/>
      <c r="AH85" s="1"/>
      <c r="AI85" s="1"/>
      <c r="AJ85" s="1"/>
      <c r="AK85" s="1"/>
      <c r="AL85" s="1"/>
      <c r="AM85" s="1"/>
    </row>
    <row r="86" spans="3:39" ht="13.8" x14ac:dyDescent="0.3">
      <c r="C86" s="1"/>
      <c r="D86" s="1"/>
      <c r="E86" s="1"/>
      <c r="F86" s="1"/>
      <c r="G86" s="1"/>
      <c r="H86" s="1"/>
      <c r="I86" s="1"/>
      <c r="J86" s="1"/>
      <c r="K86" s="1"/>
      <c r="L86" s="1"/>
      <c r="M86" s="1"/>
      <c r="N86" s="1"/>
      <c r="O86" s="1"/>
      <c r="P86" s="1"/>
      <c r="Q86" s="1"/>
      <c r="R86" s="1"/>
      <c r="S86" s="1"/>
      <c r="T86" s="1"/>
      <c r="U86" s="1"/>
      <c r="V86" s="1"/>
      <c r="W86" s="1"/>
      <c r="X86" s="1"/>
      <c r="Y86" s="1"/>
      <c r="Z86" s="1"/>
      <c r="AA86" s="1"/>
      <c r="AB86" s="1"/>
      <c r="AC86" s="1"/>
      <c r="AD86" s="1"/>
      <c r="AE86" s="1"/>
      <c r="AF86" s="1"/>
      <c r="AG86" s="1"/>
      <c r="AH86" s="1"/>
      <c r="AI86" s="1"/>
      <c r="AJ86" s="1"/>
      <c r="AK86" s="1"/>
      <c r="AL86" s="1"/>
      <c r="AM86" s="1"/>
    </row>
    <row r="87" spans="3:39" ht="13.8" x14ac:dyDescent="0.3">
      <c r="C87" s="1"/>
      <c r="D87" s="1"/>
      <c r="E87" s="1"/>
      <c r="F87" s="1"/>
      <c r="G87" s="1"/>
      <c r="H87" s="1"/>
      <c r="I87" s="1"/>
      <c r="J87" s="1"/>
      <c r="K87" s="1"/>
      <c r="L87" s="1"/>
      <c r="M87" s="1"/>
      <c r="N87" s="1"/>
      <c r="O87" s="1"/>
      <c r="P87" s="1"/>
      <c r="Q87" s="1"/>
      <c r="R87" s="1"/>
      <c r="S87" s="1"/>
      <c r="T87" s="1"/>
      <c r="U87" s="1"/>
      <c r="V87" s="1"/>
      <c r="W87" s="1"/>
      <c r="X87" s="1"/>
      <c r="Y87" s="1"/>
      <c r="Z87" s="1"/>
      <c r="AA87" s="1"/>
      <c r="AB87" s="1"/>
      <c r="AC87" s="1"/>
      <c r="AD87" s="1"/>
      <c r="AE87" s="1"/>
      <c r="AF87" s="1"/>
      <c r="AG87" s="1"/>
      <c r="AH87" s="1"/>
      <c r="AI87" s="1"/>
      <c r="AJ87" s="1"/>
      <c r="AK87" s="1"/>
      <c r="AL87" s="1"/>
      <c r="AM87" s="1"/>
    </row>
    <row r="88" spans="3:39" ht="13.8" x14ac:dyDescent="0.3">
      <c r="C88" s="1"/>
      <c r="D88" s="1"/>
      <c r="E88" s="1"/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  <c r="AA88" s="1"/>
      <c r="AB88" s="1"/>
      <c r="AC88" s="1"/>
      <c r="AD88" s="1"/>
      <c r="AE88" s="1"/>
      <c r="AF88" s="1"/>
      <c r="AG88" s="1"/>
      <c r="AH88" s="1"/>
      <c r="AI88" s="1"/>
      <c r="AJ88" s="1"/>
      <c r="AK88" s="1"/>
      <c r="AL88" s="1"/>
      <c r="AM88" s="1"/>
    </row>
    <row r="89" spans="3:39" ht="13.8" x14ac:dyDescent="0.3">
      <c r="C89" s="1"/>
      <c r="D89" s="1"/>
      <c r="E89" s="1"/>
      <c r="F89" s="1"/>
      <c r="G89" s="1"/>
      <c r="H89" s="1"/>
      <c r="I89" s="1"/>
      <c r="J89" s="1"/>
      <c r="K89" s="1"/>
      <c r="L89" s="1"/>
      <c r="M89" s="1"/>
      <c r="N89" s="1"/>
      <c r="O89" s="1"/>
      <c r="P89" s="1"/>
      <c r="Q89" s="1"/>
      <c r="R89" s="1"/>
      <c r="S89" s="1"/>
      <c r="T89" s="1"/>
      <c r="U89" s="1"/>
      <c r="V89" s="1"/>
      <c r="W89" s="1"/>
      <c r="X89" s="1"/>
      <c r="Y89" s="1"/>
      <c r="Z89" s="1"/>
      <c r="AA89" s="1"/>
      <c r="AB89" s="1"/>
      <c r="AC89" s="1"/>
      <c r="AD89" s="1"/>
      <c r="AE89" s="1"/>
      <c r="AF89" s="1"/>
      <c r="AG89" s="1"/>
      <c r="AH89" s="1"/>
      <c r="AI89" s="1"/>
      <c r="AJ89" s="1"/>
      <c r="AK89" s="1"/>
      <c r="AL89" s="1"/>
      <c r="AM89" s="1"/>
    </row>
    <row r="90" spans="3:39" ht="13.8" x14ac:dyDescent="0.3">
      <c r="C90" s="1"/>
      <c r="D90" s="1"/>
      <c r="E90" s="1"/>
      <c r="F90" s="1"/>
      <c r="G90" s="1"/>
      <c r="H90" s="1"/>
      <c r="I90" s="1"/>
      <c r="J90" s="1"/>
      <c r="K90" s="1"/>
      <c r="L90" s="1"/>
      <c r="M90" s="1"/>
      <c r="N90" s="1"/>
      <c r="O90" s="1"/>
      <c r="P90" s="1"/>
      <c r="Q90" s="1"/>
      <c r="R90" s="1"/>
      <c r="S90" s="1"/>
      <c r="T90" s="1"/>
      <c r="U90" s="1"/>
      <c r="V90" s="1"/>
      <c r="W90" s="1"/>
      <c r="X90" s="1"/>
      <c r="Y90" s="1"/>
      <c r="Z90" s="1"/>
      <c r="AA90" s="1"/>
      <c r="AB90" s="1"/>
      <c r="AC90" s="1"/>
      <c r="AD90" s="1"/>
      <c r="AE90" s="1"/>
      <c r="AF90" s="1"/>
      <c r="AG90" s="1"/>
      <c r="AH90" s="1"/>
      <c r="AI90" s="1"/>
      <c r="AJ90" s="1"/>
      <c r="AK90" s="1"/>
      <c r="AL90" s="1"/>
      <c r="AM90" s="1"/>
    </row>
    <row r="91" spans="3:39" ht="13.8" x14ac:dyDescent="0.3"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  <c r="AA91" s="1"/>
      <c r="AB91" s="1"/>
      <c r="AC91" s="1"/>
      <c r="AD91" s="1"/>
      <c r="AE91" s="1"/>
      <c r="AF91" s="1"/>
      <c r="AG91" s="1"/>
      <c r="AH91" s="1"/>
      <c r="AI91" s="1"/>
      <c r="AJ91" s="1"/>
      <c r="AK91" s="1"/>
      <c r="AL91" s="1"/>
      <c r="AM91" s="1"/>
    </row>
    <row r="92" spans="3:39" ht="13.8" x14ac:dyDescent="0.3"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  <c r="AA92" s="1"/>
      <c r="AB92" s="1"/>
      <c r="AC92" s="1"/>
      <c r="AD92" s="1"/>
      <c r="AE92" s="1"/>
      <c r="AF92" s="1"/>
      <c r="AG92" s="1"/>
      <c r="AH92" s="1"/>
      <c r="AI92" s="1"/>
      <c r="AJ92" s="1"/>
      <c r="AK92" s="1"/>
      <c r="AL92" s="1"/>
      <c r="AM92" s="1"/>
    </row>
    <row r="93" spans="3:39" ht="13.8" x14ac:dyDescent="0.3"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  <c r="AA93" s="1"/>
      <c r="AB93" s="1"/>
      <c r="AC93" s="1"/>
      <c r="AD93" s="1"/>
      <c r="AE93" s="1"/>
      <c r="AF93" s="1"/>
      <c r="AG93" s="1"/>
      <c r="AH93" s="1"/>
      <c r="AI93" s="1"/>
      <c r="AJ93" s="1"/>
      <c r="AK93" s="1"/>
      <c r="AL93" s="1"/>
      <c r="AM93" s="1"/>
    </row>
    <row r="94" spans="3:39" ht="13.8" x14ac:dyDescent="0.3"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 s="1"/>
      <c r="AM94" s="1"/>
    </row>
    <row r="95" spans="3:39" ht="13.8" x14ac:dyDescent="0.3"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 s="1"/>
      <c r="AM95" s="1"/>
    </row>
    <row r="96" spans="3:39" ht="13.8" x14ac:dyDescent="0.3">
      <c r="C96" s="1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  <c r="AA96" s="1"/>
      <c r="AB96" s="1"/>
      <c r="AC96" s="1"/>
      <c r="AD96" s="1"/>
      <c r="AE96" s="1"/>
      <c r="AF96" s="1"/>
      <c r="AG96" s="1"/>
      <c r="AH96" s="1"/>
      <c r="AI96" s="1"/>
      <c r="AJ96" s="1"/>
      <c r="AK96" s="1"/>
      <c r="AL96" s="1"/>
      <c r="AM96" s="1"/>
    </row>
    <row r="97" spans="3:39" ht="13.8" x14ac:dyDescent="0.3">
      <c r="C97" s="1"/>
      <c r="D97" s="1"/>
      <c r="E97" s="1"/>
      <c r="F97" s="1"/>
      <c r="G97" s="1"/>
      <c r="H97" s="1"/>
      <c r="I97" s="1"/>
      <c r="J97" s="1"/>
      <c r="K97" s="1"/>
      <c r="L97" s="1"/>
      <c r="M97" s="1"/>
      <c r="N97" s="1"/>
      <c r="O97" s="1"/>
      <c r="P97" s="1"/>
      <c r="Q97" s="1"/>
      <c r="R97" s="1"/>
      <c r="S97" s="1"/>
      <c r="T97" s="1"/>
      <c r="U97" s="1"/>
      <c r="V97" s="1"/>
      <c r="W97" s="1"/>
      <c r="X97" s="1"/>
      <c r="Y97" s="1"/>
      <c r="Z97" s="1"/>
      <c r="AA97" s="1"/>
      <c r="AB97" s="1"/>
      <c r="AC97" s="1"/>
      <c r="AD97" s="1"/>
      <c r="AE97" s="1"/>
      <c r="AF97" s="1"/>
      <c r="AG97" s="1"/>
      <c r="AH97" s="1"/>
      <c r="AI97" s="1"/>
      <c r="AJ97" s="1"/>
      <c r="AK97" s="1"/>
      <c r="AL97" s="1"/>
      <c r="AM97" s="1"/>
    </row>
    <row r="98" spans="3:39" ht="13.8" x14ac:dyDescent="0.3">
      <c r="C98" s="1"/>
      <c r="D98" s="1"/>
      <c r="E98" s="1"/>
      <c r="F98" s="1"/>
      <c r="G98" s="1"/>
      <c r="H98" s="1"/>
      <c r="I98" s="1"/>
      <c r="J98" s="1"/>
      <c r="K98" s="1"/>
      <c r="L98" s="1"/>
      <c r="M98" s="1"/>
      <c r="N98" s="1"/>
      <c r="O98" s="1"/>
      <c r="P98" s="1"/>
      <c r="Q98" s="1"/>
      <c r="R98" s="1"/>
      <c r="S98" s="1"/>
      <c r="T98" s="1"/>
      <c r="U98" s="1"/>
      <c r="V98" s="1"/>
      <c r="W98" s="1"/>
      <c r="X98" s="1"/>
      <c r="Y98" s="1"/>
      <c r="Z98" s="1"/>
      <c r="AA98" s="1"/>
      <c r="AB98" s="1"/>
      <c r="AC98" s="1"/>
      <c r="AD98" s="1"/>
      <c r="AE98" s="1"/>
      <c r="AF98" s="1"/>
      <c r="AG98" s="1"/>
      <c r="AH98" s="1"/>
      <c r="AI98" s="1"/>
      <c r="AJ98" s="1"/>
      <c r="AK98" s="1"/>
      <c r="AL98" s="1"/>
      <c r="AM98" s="1"/>
    </row>
    <row r="99" spans="3:39" ht="13.8" x14ac:dyDescent="0.3">
      <c r="C99" s="1"/>
      <c r="D99" s="1"/>
      <c r="E99" s="1"/>
      <c r="F99" s="1"/>
      <c r="G99" s="1"/>
      <c r="H99" s="1"/>
      <c r="I99" s="1"/>
      <c r="J99" s="1"/>
      <c r="K99" s="1"/>
      <c r="L99" s="1"/>
      <c r="M99" s="1"/>
      <c r="N99" s="1"/>
      <c r="O99" s="1"/>
      <c r="P99" s="1"/>
      <c r="Q99" s="1"/>
      <c r="R99" s="1"/>
      <c r="S99" s="1"/>
      <c r="T99" s="1"/>
      <c r="U99" s="1"/>
      <c r="V99" s="1"/>
      <c r="W99" s="1"/>
      <c r="X99" s="1"/>
      <c r="Y99" s="1"/>
      <c r="Z99" s="1"/>
      <c r="AA99" s="1"/>
      <c r="AB99" s="1"/>
      <c r="AC99" s="1"/>
      <c r="AD99" s="1"/>
      <c r="AE99" s="1"/>
      <c r="AF99" s="1"/>
      <c r="AG99" s="1"/>
      <c r="AH99" s="1"/>
      <c r="AI99" s="1"/>
      <c r="AJ99" s="1"/>
      <c r="AK99" s="1"/>
      <c r="AL99" s="1"/>
      <c r="AM99" s="1"/>
    </row>
    <row r="100" spans="3:39" ht="13.8" x14ac:dyDescent="0.3">
      <c r="C100" s="1"/>
      <c r="D100" s="1"/>
      <c r="E100" s="1"/>
      <c r="F100" s="1"/>
      <c r="G100" s="1"/>
      <c r="H100" s="1"/>
      <c r="I100" s="1"/>
      <c r="J100" s="1"/>
      <c r="K100" s="1"/>
      <c r="L100" s="1"/>
      <c r="M100" s="1"/>
      <c r="N100" s="1"/>
      <c r="O100" s="1"/>
      <c r="P100" s="1"/>
      <c r="Q100" s="1"/>
      <c r="R100" s="1"/>
      <c r="S100" s="1"/>
      <c r="T100" s="1"/>
      <c r="U100" s="1"/>
      <c r="V100" s="1"/>
      <c r="W100" s="1"/>
      <c r="X100" s="1"/>
      <c r="Y100" s="1"/>
      <c r="Z100" s="1"/>
      <c r="AA100" s="1"/>
      <c r="AB100" s="1"/>
      <c r="AC100" s="1"/>
      <c r="AD100" s="1"/>
      <c r="AE100" s="1"/>
      <c r="AF100" s="1"/>
      <c r="AG100" s="1"/>
      <c r="AH100" s="1"/>
      <c r="AI100" s="1"/>
      <c r="AJ100" s="1"/>
      <c r="AK100" s="1"/>
      <c r="AL100" s="1"/>
      <c r="AM100" s="1"/>
    </row>
    <row r="101" spans="3:39" ht="13.8" x14ac:dyDescent="0.3">
      <c r="C101" s="1"/>
      <c r="D101" s="1"/>
      <c r="E101" s="1"/>
      <c r="F101" s="1"/>
      <c r="G101" s="1"/>
      <c r="H101" s="1"/>
      <c r="I101" s="1"/>
      <c r="J101" s="1"/>
      <c r="K101" s="1"/>
      <c r="L101" s="1"/>
      <c r="M101" s="1"/>
      <c r="N101" s="1"/>
      <c r="O101" s="1"/>
      <c r="P101" s="1"/>
      <c r="Q101" s="1"/>
      <c r="R101" s="1"/>
      <c r="S101" s="1"/>
      <c r="T101" s="1"/>
      <c r="U101" s="1"/>
      <c r="V101" s="1"/>
      <c r="W101" s="1"/>
      <c r="X101" s="1"/>
      <c r="Y101" s="1"/>
      <c r="Z101" s="1"/>
      <c r="AA101" s="1"/>
      <c r="AB101" s="1"/>
      <c r="AC101" s="1"/>
      <c r="AD101" s="1"/>
      <c r="AE101" s="1"/>
      <c r="AF101" s="1"/>
      <c r="AG101" s="1"/>
      <c r="AH101" s="1"/>
      <c r="AI101" s="1"/>
      <c r="AJ101" s="1"/>
      <c r="AK101" s="1"/>
      <c r="AL101" s="1"/>
      <c r="AM101" s="1"/>
    </row>
    <row r="102" spans="3:39" ht="13.8" x14ac:dyDescent="0.3">
      <c r="C102" s="1"/>
      <c r="D102" s="1"/>
      <c r="E102" s="1"/>
      <c r="F102" s="1"/>
      <c r="G102" s="1"/>
      <c r="H102" s="1"/>
      <c r="I102" s="1"/>
      <c r="J102" s="1"/>
      <c r="K102" s="1"/>
      <c r="L102" s="1"/>
      <c r="M102" s="1"/>
      <c r="N102" s="1"/>
      <c r="O102" s="1"/>
      <c r="P102" s="1"/>
      <c r="Q102" s="1"/>
      <c r="R102" s="1"/>
      <c r="S102" s="1"/>
      <c r="T102" s="1"/>
      <c r="U102" s="1"/>
      <c r="V102" s="1"/>
      <c r="W102" s="1"/>
      <c r="X102" s="1"/>
      <c r="Y102" s="1"/>
      <c r="Z102" s="1"/>
      <c r="AA102" s="1"/>
      <c r="AB102" s="1"/>
      <c r="AC102" s="1"/>
      <c r="AD102" s="1"/>
      <c r="AE102" s="1"/>
      <c r="AF102" s="1"/>
      <c r="AG102" s="1"/>
      <c r="AH102" s="1"/>
      <c r="AI102" s="1"/>
      <c r="AJ102" s="1"/>
      <c r="AK102" s="1"/>
      <c r="AL102" s="1"/>
      <c r="AM102" s="1"/>
    </row>
    <row r="103" spans="3:39" ht="13.8" x14ac:dyDescent="0.3">
      <c r="C103" s="1"/>
      <c r="D103" s="1"/>
      <c r="E103" s="1"/>
      <c r="F103" s="1"/>
      <c r="G103" s="1"/>
      <c r="H103" s="1"/>
      <c r="I103" s="1"/>
      <c r="J103" s="1"/>
      <c r="K103" s="1"/>
      <c r="L103" s="1"/>
      <c r="M103" s="1"/>
      <c r="N103" s="1"/>
      <c r="O103" s="1"/>
      <c r="P103" s="1"/>
      <c r="Q103" s="1"/>
      <c r="R103" s="1"/>
      <c r="S103" s="1"/>
      <c r="T103" s="1"/>
      <c r="U103" s="1"/>
      <c r="V103" s="1"/>
      <c r="W103" s="1"/>
      <c r="X103" s="1"/>
      <c r="Y103" s="1"/>
      <c r="Z103" s="1"/>
      <c r="AA103" s="1"/>
      <c r="AB103" s="1"/>
      <c r="AC103" s="1"/>
      <c r="AD103" s="1"/>
      <c r="AE103" s="1"/>
      <c r="AF103" s="1"/>
      <c r="AG103" s="1"/>
      <c r="AH103" s="1"/>
      <c r="AI103" s="1"/>
      <c r="AJ103" s="1"/>
      <c r="AK103" s="1"/>
      <c r="AL103" s="1"/>
      <c r="AM103" s="1"/>
    </row>
    <row r="104" spans="3:39" ht="13.8" x14ac:dyDescent="0.3">
      <c r="C104" s="1"/>
      <c r="D104" s="1"/>
      <c r="E104" s="1"/>
      <c r="F104" s="1"/>
      <c r="G104" s="1"/>
      <c r="H104" s="1"/>
      <c r="I104" s="1"/>
      <c r="J104" s="1"/>
      <c r="K104" s="1"/>
      <c r="L104" s="1"/>
      <c r="M104" s="1"/>
      <c r="N104" s="1"/>
      <c r="O104" s="1"/>
      <c r="P104" s="1"/>
      <c r="Q104" s="1"/>
      <c r="R104" s="1"/>
      <c r="S104" s="1"/>
      <c r="T104" s="1"/>
      <c r="U104" s="1"/>
      <c r="V104" s="1"/>
      <c r="W104" s="1"/>
      <c r="X104" s="1"/>
      <c r="Y104" s="1"/>
      <c r="Z104" s="1"/>
      <c r="AA104" s="1"/>
      <c r="AB104" s="1"/>
      <c r="AC104" s="1"/>
      <c r="AD104" s="1"/>
      <c r="AE104" s="1"/>
      <c r="AF104" s="1"/>
      <c r="AG104" s="1"/>
      <c r="AH104" s="1"/>
      <c r="AI104" s="1"/>
      <c r="AJ104" s="1"/>
      <c r="AK104" s="1"/>
      <c r="AL104" s="1"/>
      <c r="AM104" s="1"/>
    </row>
    <row r="105" spans="3:39" ht="13.8" x14ac:dyDescent="0.3">
      <c r="C105" s="1"/>
      <c r="D105" s="1"/>
      <c r="E105" s="1"/>
      <c r="F105" s="1"/>
      <c r="G105" s="1"/>
      <c r="H105" s="1"/>
      <c r="I105" s="1"/>
      <c r="J105" s="1"/>
      <c r="K105" s="1"/>
      <c r="L105" s="1"/>
      <c r="M105" s="1"/>
      <c r="N105" s="1"/>
      <c r="O105" s="1"/>
      <c r="P105" s="1"/>
      <c r="Q105" s="1"/>
      <c r="R105" s="1"/>
      <c r="S105" s="1"/>
      <c r="T105" s="1"/>
      <c r="U105" s="1"/>
      <c r="V105" s="1"/>
      <c r="W105" s="1"/>
      <c r="X105" s="1"/>
      <c r="Y105" s="1"/>
      <c r="Z105" s="1"/>
      <c r="AA105" s="1"/>
      <c r="AB105" s="1"/>
      <c r="AC105" s="1"/>
      <c r="AD105" s="1"/>
      <c r="AE105" s="1"/>
      <c r="AF105" s="1"/>
      <c r="AG105" s="1"/>
      <c r="AH105" s="1"/>
      <c r="AI105" s="1"/>
      <c r="AJ105" s="1"/>
      <c r="AK105" s="1"/>
      <c r="AL105" s="1"/>
      <c r="AM105" s="1"/>
    </row>
    <row r="106" spans="3:39" ht="13.8" x14ac:dyDescent="0.3">
      <c r="C106" s="1"/>
      <c r="D106" s="1"/>
      <c r="E106" s="1"/>
      <c r="F106" s="1"/>
      <c r="G106" s="1"/>
      <c r="H106" s="1"/>
      <c r="I106" s="1"/>
      <c r="J106" s="1"/>
      <c r="K106" s="1"/>
      <c r="L106" s="1"/>
      <c r="M106" s="1"/>
      <c r="N106" s="1"/>
      <c r="O106" s="1"/>
      <c r="P106" s="1"/>
      <c r="Q106" s="1"/>
      <c r="R106" s="1"/>
      <c r="S106" s="1"/>
      <c r="T106" s="1"/>
      <c r="U106" s="1"/>
      <c r="V106" s="1"/>
      <c r="W106" s="1"/>
      <c r="X106" s="1"/>
      <c r="Y106" s="1"/>
      <c r="Z106" s="1"/>
      <c r="AA106" s="1"/>
      <c r="AB106" s="1"/>
      <c r="AC106" s="1"/>
      <c r="AD106" s="1"/>
      <c r="AE106" s="1"/>
      <c r="AF106" s="1"/>
      <c r="AG106" s="1"/>
      <c r="AH106" s="1"/>
      <c r="AI106" s="1"/>
      <c r="AJ106" s="1"/>
      <c r="AK106" s="1"/>
      <c r="AL106" s="1"/>
      <c r="AM106" s="1"/>
    </row>
    <row r="107" spans="3:39" ht="13.8" x14ac:dyDescent="0.3">
      <c r="C107" s="1"/>
      <c r="D107" s="1"/>
      <c r="E107" s="1"/>
      <c r="F107" s="1"/>
      <c r="G107" s="1"/>
      <c r="H107" s="1"/>
      <c r="I107" s="1"/>
      <c r="J107" s="1"/>
      <c r="K107" s="1"/>
      <c r="L107" s="1"/>
      <c r="M107" s="1"/>
      <c r="N107" s="1"/>
      <c r="O107" s="1"/>
      <c r="P107" s="1"/>
      <c r="Q107" s="1"/>
      <c r="R107" s="1"/>
      <c r="S107" s="1"/>
      <c r="T107" s="1"/>
      <c r="U107" s="1"/>
      <c r="V107" s="1"/>
      <c r="W107" s="1"/>
      <c r="X107" s="1"/>
      <c r="Y107" s="1"/>
      <c r="Z107" s="1"/>
      <c r="AA107" s="1"/>
      <c r="AB107" s="1"/>
      <c r="AC107" s="1"/>
      <c r="AD107" s="1"/>
      <c r="AE107" s="1"/>
      <c r="AF107" s="1"/>
      <c r="AG107" s="1"/>
      <c r="AH107" s="1"/>
      <c r="AI107" s="1"/>
      <c r="AJ107" s="1"/>
      <c r="AK107" s="1"/>
      <c r="AL107" s="1"/>
      <c r="AM107" s="1"/>
    </row>
    <row r="108" spans="3:39" ht="13.8" x14ac:dyDescent="0.3">
      <c r="C108" s="1"/>
      <c r="D108" s="1"/>
      <c r="E108" s="1"/>
      <c r="F108" s="1"/>
      <c r="G108" s="1"/>
      <c r="H108" s="1"/>
      <c r="I108" s="1"/>
      <c r="J108" s="1"/>
      <c r="K108" s="1"/>
      <c r="L108" s="1"/>
      <c r="M108" s="1"/>
      <c r="N108" s="1"/>
      <c r="O108" s="1"/>
      <c r="P108" s="1"/>
      <c r="Q108" s="1"/>
      <c r="R108" s="1"/>
      <c r="S108" s="1"/>
      <c r="T108" s="1"/>
      <c r="U108" s="1"/>
      <c r="V108" s="1"/>
      <c r="W108" s="1"/>
      <c r="X108" s="1"/>
      <c r="Y108" s="1"/>
      <c r="Z108" s="1"/>
      <c r="AA108" s="1"/>
      <c r="AB108" s="1"/>
      <c r="AC108" s="1"/>
      <c r="AD108" s="1"/>
      <c r="AE108" s="1"/>
      <c r="AF108" s="1"/>
      <c r="AG108" s="1"/>
      <c r="AH108" s="1"/>
      <c r="AI108" s="1"/>
      <c r="AJ108" s="1"/>
      <c r="AK108" s="1"/>
      <c r="AL108" s="1"/>
      <c r="AM108" s="1"/>
    </row>
    <row r="109" spans="3:39" ht="13.8" x14ac:dyDescent="0.3">
      <c r="C109" s="1"/>
      <c r="D109" s="1"/>
      <c r="E109" s="1"/>
      <c r="F109" s="1"/>
      <c r="G109" s="1"/>
      <c r="H109" s="1"/>
      <c r="I109" s="1"/>
      <c r="J109" s="1"/>
      <c r="K109" s="1"/>
      <c r="L109" s="1"/>
      <c r="M109" s="1"/>
      <c r="N109" s="1"/>
      <c r="O109" s="1"/>
      <c r="P109" s="1"/>
      <c r="Q109" s="1"/>
      <c r="R109" s="1"/>
      <c r="S109" s="1"/>
      <c r="T109" s="1"/>
      <c r="U109" s="1"/>
      <c r="V109" s="1"/>
      <c r="W109" s="1"/>
      <c r="X109" s="1"/>
      <c r="Y109" s="1"/>
      <c r="Z109" s="1"/>
      <c r="AA109" s="1"/>
      <c r="AB109" s="1"/>
      <c r="AC109" s="1"/>
      <c r="AD109" s="1"/>
      <c r="AE109" s="1"/>
      <c r="AF109" s="1"/>
      <c r="AG109" s="1"/>
      <c r="AH109" s="1"/>
      <c r="AI109" s="1"/>
      <c r="AJ109" s="1"/>
      <c r="AK109" s="1"/>
      <c r="AL109" s="1"/>
      <c r="AM109" s="1"/>
    </row>
    <row r="110" spans="3:39" ht="13.8" x14ac:dyDescent="0.3">
      <c r="C110" s="1"/>
      <c r="D110" s="1"/>
      <c r="E110" s="1"/>
      <c r="F110" s="1"/>
      <c r="G110" s="1"/>
      <c r="H110" s="1"/>
      <c r="I110" s="1"/>
      <c r="J110" s="1"/>
      <c r="K110" s="1"/>
      <c r="L110" s="1"/>
      <c r="M110" s="1"/>
      <c r="N110" s="1"/>
      <c r="O110" s="1"/>
      <c r="P110" s="1"/>
      <c r="Q110" s="1"/>
      <c r="R110" s="1"/>
      <c r="S110" s="1"/>
      <c r="T110" s="1"/>
      <c r="U110" s="1"/>
      <c r="V110" s="1"/>
      <c r="W110" s="1"/>
      <c r="X110" s="1"/>
      <c r="Y110" s="1"/>
      <c r="Z110" s="1"/>
      <c r="AA110" s="1"/>
      <c r="AB110" s="1"/>
      <c r="AC110" s="1"/>
      <c r="AD110" s="1"/>
      <c r="AE110" s="1"/>
      <c r="AF110" s="1"/>
      <c r="AG110" s="1"/>
      <c r="AH110" s="1"/>
      <c r="AI110" s="1"/>
      <c r="AJ110" s="1"/>
      <c r="AK110" s="1"/>
      <c r="AL110" s="1"/>
      <c r="AM110" s="1"/>
    </row>
    <row r="111" spans="3:39" ht="13.8" x14ac:dyDescent="0.3">
      <c r="C111" s="1"/>
      <c r="D111" s="1"/>
      <c r="E111" s="1"/>
      <c r="F111" s="1"/>
      <c r="G111" s="1"/>
      <c r="H111" s="1"/>
      <c r="I111" s="1"/>
      <c r="J111" s="1"/>
      <c r="K111" s="1"/>
      <c r="L111" s="1"/>
      <c r="M111" s="1"/>
      <c r="N111" s="1"/>
      <c r="O111" s="1"/>
      <c r="P111" s="1"/>
      <c r="Q111" s="1"/>
      <c r="R111" s="1"/>
      <c r="S111" s="1"/>
      <c r="T111" s="1"/>
      <c r="U111" s="1"/>
      <c r="V111" s="1"/>
      <c r="W111" s="1"/>
      <c r="X111" s="1"/>
      <c r="Y111" s="1"/>
      <c r="Z111" s="1"/>
      <c r="AA111" s="1"/>
      <c r="AB111" s="1"/>
      <c r="AC111" s="1"/>
      <c r="AD111" s="1"/>
      <c r="AE111" s="1"/>
      <c r="AF111" s="1"/>
      <c r="AG111" s="1"/>
      <c r="AH111" s="1"/>
      <c r="AI111" s="1"/>
      <c r="AJ111" s="1"/>
      <c r="AK111" s="1"/>
      <c r="AL111" s="1"/>
      <c r="AM111" s="1"/>
    </row>
    <row r="112" spans="3:39" ht="13.8" x14ac:dyDescent="0.3">
      <c r="C112" s="1"/>
      <c r="D112" s="1"/>
      <c r="E112" s="1"/>
      <c r="F112" s="1"/>
      <c r="G112" s="1"/>
      <c r="H112" s="1"/>
      <c r="I112" s="1"/>
      <c r="J112" s="1"/>
      <c r="K112" s="1"/>
      <c r="L112" s="1"/>
      <c r="M112" s="1"/>
      <c r="N112" s="1"/>
      <c r="O112" s="1"/>
      <c r="P112" s="1"/>
      <c r="Q112" s="1"/>
      <c r="R112" s="1"/>
      <c r="S112" s="1"/>
      <c r="T112" s="1"/>
      <c r="U112" s="1"/>
      <c r="V112" s="1"/>
      <c r="W112" s="1"/>
      <c r="X112" s="1"/>
      <c r="Y112" s="1"/>
      <c r="Z112" s="1"/>
      <c r="AA112" s="1"/>
      <c r="AB112" s="1"/>
      <c r="AC112" s="1"/>
      <c r="AD112" s="1"/>
      <c r="AE112" s="1"/>
      <c r="AF112" s="1"/>
      <c r="AG112" s="1"/>
      <c r="AH112" s="1"/>
      <c r="AI112" s="1"/>
      <c r="AJ112" s="1"/>
      <c r="AK112" s="1"/>
      <c r="AL112" s="1"/>
      <c r="AM112" s="1"/>
    </row>
    <row r="113" spans="3:39" ht="13.8" x14ac:dyDescent="0.3">
      <c r="C113" s="1"/>
      <c r="D113" s="1"/>
      <c r="E113" s="1"/>
      <c r="F113" s="1"/>
      <c r="G113" s="1"/>
      <c r="H113" s="1"/>
      <c r="I113" s="1"/>
      <c r="J113" s="1"/>
      <c r="K113" s="1"/>
      <c r="L113" s="1"/>
      <c r="M113" s="1"/>
      <c r="N113" s="1"/>
      <c r="O113" s="1"/>
      <c r="P113" s="1"/>
      <c r="Q113" s="1"/>
      <c r="R113" s="1"/>
      <c r="S113" s="1"/>
      <c r="T113" s="1"/>
      <c r="U113" s="1"/>
      <c r="V113" s="1"/>
      <c r="W113" s="1"/>
      <c r="X113" s="1"/>
      <c r="Y113" s="1"/>
      <c r="Z113" s="1"/>
      <c r="AA113" s="1"/>
      <c r="AB113" s="1"/>
      <c r="AC113" s="1"/>
      <c r="AD113" s="1"/>
      <c r="AE113" s="1"/>
      <c r="AF113" s="1"/>
      <c r="AG113" s="1"/>
      <c r="AH113" s="1"/>
      <c r="AI113" s="1"/>
      <c r="AJ113" s="1"/>
      <c r="AK113" s="1"/>
      <c r="AL113" s="1"/>
      <c r="AM113" s="1"/>
    </row>
    <row r="114" spans="3:39" ht="13.8" x14ac:dyDescent="0.3">
      <c r="C114" s="1"/>
      <c r="D114" s="1"/>
      <c r="E114" s="1"/>
      <c r="F114" s="1"/>
      <c r="G114" s="1"/>
      <c r="H114" s="1"/>
      <c r="I114" s="1"/>
      <c r="J114" s="1"/>
      <c r="K114" s="1"/>
      <c r="L114" s="1"/>
      <c r="M114" s="1"/>
      <c r="N114" s="1"/>
      <c r="O114" s="1"/>
      <c r="P114" s="1"/>
      <c r="Q114" s="1"/>
      <c r="R114" s="1"/>
      <c r="S114" s="1"/>
      <c r="T114" s="1"/>
      <c r="U114" s="1"/>
      <c r="V114" s="1"/>
      <c r="W114" s="1"/>
      <c r="X114" s="1"/>
      <c r="Y114" s="1"/>
      <c r="Z114" s="1"/>
      <c r="AA114" s="1"/>
      <c r="AB114" s="1"/>
      <c r="AC114" s="1"/>
      <c r="AD114" s="1"/>
      <c r="AE114" s="1"/>
      <c r="AF114" s="1"/>
      <c r="AG114" s="1"/>
      <c r="AH114" s="1"/>
      <c r="AI114" s="1"/>
      <c r="AJ114" s="1"/>
      <c r="AK114" s="1"/>
      <c r="AL114" s="1"/>
      <c r="AM114" s="1"/>
    </row>
    <row r="115" spans="3:39" ht="13.8" x14ac:dyDescent="0.3">
      <c r="C115" s="1"/>
      <c r="D115" s="1"/>
      <c r="E115" s="1"/>
      <c r="F115" s="1"/>
      <c r="G115" s="1"/>
      <c r="H115" s="1"/>
      <c r="I115" s="1"/>
      <c r="J115" s="1"/>
      <c r="K115" s="1"/>
      <c r="L115" s="1"/>
      <c r="M115" s="1"/>
      <c r="N115" s="1"/>
      <c r="O115" s="1"/>
      <c r="P115" s="1"/>
      <c r="Q115" s="1"/>
      <c r="R115" s="1"/>
      <c r="S115" s="1"/>
      <c r="T115" s="1"/>
      <c r="U115" s="1"/>
      <c r="V115" s="1"/>
      <c r="W115" s="1"/>
      <c r="X115" s="1"/>
      <c r="Y115" s="1"/>
      <c r="Z115" s="1"/>
      <c r="AA115" s="1"/>
      <c r="AB115" s="1"/>
      <c r="AC115" s="1"/>
      <c r="AD115" s="1"/>
      <c r="AE115" s="1"/>
      <c r="AF115" s="1"/>
      <c r="AG115" s="1"/>
      <c r="AH115" s="1"/>
      <c r="AI115" s="1"/>
      <c r="AJ115" s="1"/>
      <c r="AK115" s="1"/>
      <c r="AL115" s="1"/>
      <c r="AM115" s="1"/>
    </row>
    <row r="116" spans="3:39" ht="13.8" x14ac:dyDescent="0.3">
      <c r="C116" s="1"/>
      <c r="D116" s="1"/>
      <c r="E116" s="1"/>
      <c r="F116" s="1"/>
      <c r="G116" s="1"/>
      <c r="H116" s="1"/>
      <c r="I116" s="1"/>
      <c r="J116" s="1"/>
      <c r="K116" s="1"/>
      <c r="L116" s="1"/>
      <c r="M116" s="1"/>
      <c r="N116" s="1"/>
      <c r="O116" s="1"/>
      <c r="P116" s="1"/>
      <c r="Q116" s="1"/>
      <c r="R116" s="1"/>
      <c r="S116" s="1"/>
      <c r="T116" s="1"/>
      <c r="U116" s="1"/>
      <c r="V116" s="1"/>
      <c r="W116" s="1"/>
      <c r="X116" s="1"/>
      <c r="Y116" s="1"/>
      <c r="Z116" s="1"/>
      <c r="AA116" s="1"/>
      <c r="AB116" s="1"/>
      <c r="AC116" s="1"/>
      <c r="AD116" s="1"/>
      <c r="AE116" s="1"/>
      <c r="AF116" s="1"/>
      <c r="AG116" s="1"/>
      <c r="AH116" s="1"/>
      <c r="AI116" s="1"/>
      <c r="AJ116" s="1"/>
      <c r="AK116" s="1"/>
      <c r="AL116" s="1"/>
      <c r="AM116" s="1"/>
    </row>
    <row r="117" spans="3:39" ht="13.8" x14ac:dyDescent="0.3">
      <c r="C117" s="1"/>
      <c r="D117" s="1"/>
      <c r="E117" s="1"/>
      <c r="F117" s="1"/>
      <c r="G117" s="1"/>
      <c r="H117" s="1"/>
      <c r="I117" s="1"/>
      <c r="J117" s="1"/>
      <c r="K117" s="1"/>
      <c r="L117" s="1"/>
      <c r="M117" s="1"/>
      <c r="N117" s="1"/>
      <c r="O117" s="1"/>
      <c r="P117" s="1"/>
      <c r="Q117" s="1"/>
      <c r="R117" s="1"/>
      <c r="S117" s="1"/>
      <c r="T117" s="1"/>
      <c r="U117" s="1"/>
      <c r="V117" s="1"/>
      <c r="W117" s="1"/>
      <c r="X117" s="1"/>
      <c r="Y117" s="1"/>
      <c r="Z117" s="1"/>
      <c r="AA117" s="1"/>
      <c r="AB117" s="1"/>
      <c r="AC117" s="1"/>
      <c r="AD117" s="1"/>
      <c r="AE117" s="1"/>
      <c r="AF117" s="1"/>
      <c r="AG117" s="1"/>
      <c r="AH117" s="1"/>
      <c r="AI117" s="1"/>
      <c r="AJ117" s="1"/>
      <c r="AK117" s="1"/>
      <c r="AL117" s="1"/>
      <c r="AM117" s="1"/>
    </row>
    <row r="118" spans="3:39" ht="13.8" x14ac:dyDescent="0.3">
      <c r="C118" s="1"/>
      <c r="D118" s="1"/>
      <c r="E118" s="1"/>
      <c r="F118" s="1"/>
      <c r="G118" s="1"/>
      <c r="H118" s="1"/>
      <c r="I118" s="1"/>
      <c r="J118" s="1"/>
      <c r="K118" s="1"/>
      <c r="L118" s="1"/>
      <c r="M118" s="1"/>
      <c r="N118" s="1"/>
      <c r="O118" s="1"/>
      <c r="P118" s="1"/>
      <c r="Q118" s="1"/>
      <c r="R118" s="1"/>
      <c r="S118" s="1"/>
      <c r="T118" s="1"/>
      <c r="U118" s="1"/>
      <c r="V118" s="1"/>
      <c r="W118" s="1"/>
      <c r="X118" s="1"/>
      <c r="Y118" s="1"/>
      <c r="Z118" s="1"/>
      <c r="AA118" s="1"/>
      <c r="AB118" s="1"/>
      <c r="AC118" s="1"/>
      <c r="AD118" s="1"/>
      <c r="AE118" s="1"/>
      <c r="AF118" s="1"/>
      <c r="AG118" s="1"/>
      <c r="AH118" s="1"/>
      <c r="AI118" s="1"/>
      <c r="AJ118" s="1"/>
      <c r="AK118" s="1"/>
      <c r="AL118" s="1"/>
      <c r="AM118" s="1"/>
    </row>
    <row r="119" spans="3:39" ht="13.8" x14ac:dyDescent="0.3">
      <c r="C119" s="1"/>
      <c r="D119" s="1"/>
      <c r="E119" s="1"/>
      <c r="F119" s="1"/>
      <c r="G119" s="1"/>
      <c r="H119" s="1"/>
      <c r="I119" s="1"/>
      <c r="J119" s="1"/>
      <c r="K119" s="1"/>
      <c r="L119" s="1"/>
      <c r="M119" s="1"/>
      <c r="N119" s="1"/>
      <c r="O119" s="1"/>
      <c r="P119" s="1"/>
      <c r="Q119" s="1"/>
      <c r="R119" s="1"/>
      <c r="S119" s="1"/>
      <c r="T119" s="1"/>
      <c r="U119" s="1"/>
      <c r="V119" s="1"/>
      <c r="W119" s="1"/>
      <c r="X119" s="1"/>
      <c r="Y119" s="1"/>
      <c r="Z119" s="1"/>
      <c r="AA119" s="1"/>
      <c r="AB119" s="1"/>
      <c r="AC119" s="1"/>
      <c r="AD119" s="1"/>
      <c r="AE119" s="1"/>
      <c r="AF119" s="1"/>
      <c r="AG119" s="1"/>
      <c r="AH119" s="1"/>
      <c r="AI119" s="1"/>
      <c r="AJ119" s="1"/>
      <c r="AK119" s="1"/>
      <c r="AL119" s="1"/>
      <c r="AM119" s="1"/>
    </row>
    <row r="120" spans="3:39" ht="13.8" x14ac:dyDescent="0.3">
      <c r="C120" s="1"/>
      <c r="D120" s="1"/>
      <c r="E120" s="1"/>
      <c r="F120" s="1"/>
      <c r="G120" s="1"/>
      <c r="H120" s="1"/>
      <c r="I120" s="1"/>
      <c r="J120" s="1"/>
      <c r="K120" s="1"/>
      <c r="L120" s="1"/>
      <c r="M120" s="1"/>
      <c r="N120" s="1"/>
      <c r="O120" s="1"/>
      <c r="P120" s="1"/>
      <c r="Q120" s="1"/>
      <c r="R120" s="1"/>
      <c r="S120" s="1"/>
      <c r="T120" s="1"/>
      <c r="U120" s="1"/>
      <c r="V120" s="1"/>
      <c r="W120" s="1"/>
      <c r="X120" s="1"/>
      <c r="Y120" s="1"/>
      <c r="Z120" s="1"/>
      <c r="AA120" s="1"/>
      <c r="AB120" s="1"/>
      <c r="AC120" s="1"/>
      <c r="AD120" s="1"/>
      <c r="AE120" s="1"/>
      <c r="AF120" s="1"/>
      <c r="AG120" s="1"/>
      <c r="AH120" s="1"/>
      <c r="AI120" s="1"/>
      <c r="AJ120" s="1"/>
      <c r="AK120" s="1"/>
      <c r="AL120" s="1"/>
      <c r="AM120" s="1"/>
    </row>
    <row r="121" spans="3:39" ht="13.8" x14ac:dyDescent="0.3">
      <c r="C121" s="1"/>
      <c r="D121" s="1"/>
      <c r="E121" s="1"/>
      <c r="F121" s="1"/>
      <c r="G121" s="1"/>
      <c r="H121" s="1"/>
      <c r="I121" s="1"/>
      <c r="J121" s="1"/>
      <c r="K121" s="1"/>
      <c r="L121" s="1"/>
      <c r="M121" s="1"/>
      <c r="N121" s="1"/>
      <c r="O121" s="1"/>
      <c r="P121" s="1"/>
      <c r="Q121" s="1"/>
      <c r="R121" s="1"/>
      <c r="S121" s="1"/>
      <c r="T121" s="1"/>
      <c r="U121" s="1"/>
      <c r="V121" s="1"/>
      <c r="W121" s="1"/>
      <c r="X121" s="1"/>
      <c r="Y121" s="1"/>
      <c r="Z121" s="1"/>
      <c r="AA121" s="1"/>
      <c r="AB121" s="1"/>
      <c r="AC121" s="1"/>
      <c r="AD121" s="1"/>
      <c r="AE121" s="1"/>
      <c r="AF121" s="1"/>
      <c r="AG121" s="1"/>
      <c r="AH121" s="1"/>
      <c r="AI121" s="1"/>
      <c r="AJ121" s="1"/>
      <c r="AK121" s="1"/>
      <c r="AL121" s="1"/>
      <c r="AM121" s="1"/>
    </row>
    <row r="122" spans="3:39" ht="13.8" x14ac:dyDescent="0.3">
      <c r="C122" s="1"/>
      <c r="D122" s="1"/>
      <c r="E122" s="1"/>
      <c r="F122" s="1"/>
      <c r="G122" s="1"/>
      <c r="H122" s="1"/>
      <c r="I122" s="1"/>
      <c r="J122" s="1"/>
      <c r="K122" s="1"/>
      <c r="L122" s="1"/>
      <c r="M122" s="1"/>
      <c r="N122" s="1"/>
      <c r="O122" s="1"/>
      <c r="P122" s="1"/>
      <c r="Q122" s="1"/>
      <c r="R122" s="1"/>
      <c r="S122" s="1"/>
      <c r="T122" s="1"/>
      <c r="U122" s="1"/>
      <c r="V122" s="1"/>
      <c r="W122" s="1"/>
      <c r="X122" s="1"/>
      <c r="Y122" s="1"/>
      <c r="Z122" s="1"/>
      <c r="AA122" s="1"/>
      <c r="AB122" s="1"/>
      <c r="AC122" s="1"/>
      <c r="AD122" s="1"/>
      <c r="AE122" s="1"/>
      <c r="AF122" s="1"/>
      <c r="AG122" s="1"/>
      <c r="AH122" s="1"/>
      <c r="AI122" s="1"/>
      <c r="AJ122" s="1"/>
      <c r="AK122" s="1"/>
      <c r="AL122" s="1"/>
      <c r="AM122" s="1"/>
    </row>
    <row r="123" spans="3:39" ht="13.8" x14ac:dyDescent="0.3">
      <c r="C123" s="1"/>
      <c r="D123" s="1"/>
      <c r="E123" s="1"/>
      <c r="F123" s="1"/>
      <c r="G123" s="1"/>
      <c r="H123" s="1"/>
      <c r="I123" s="1"/>
      <c r="J123" s="1"/>
      <c r="K123" s="1"/>
      <c r="L123" s="1"/>
      <c r="M123" s="1"/>
      <c r="N123" s="1"/>
      <c r="O123" s="1"/>
      <c r="P123" s="1"/>
      <c r="Q123" s="1"/>
      <c r="R123" s="1"/>
      <c r="S123" s="1"/>
      <c r="T123" s="1"/>
      <c r="U123" s="1"/>
      <c r="V123" s="1"/>
      <c r="W123" s="1"/>
      <c r="X123" s="1"/>
      <c r="Y123" s="1"/>
      <c r="Z123" s="1"/>
      <c r="AA123" s="1"/>
      <c r="AB123" s="1"/>
      <c r="AC123" s="1"/>
      <c r="AD123" s="1"/>
      <c r="AE123" s="1"/>
      <c r="AF123" s="1"/>
      <c r="AG123" s="1"/>
      <c r="AH123" s="1"/>
      <c r="AI123" s="1"/>
      <c r="AJ123" s="1"/>
      <c r="AK123" s="1"/>
      <c r="AL123" s="1"/>
      <c r="AM123" s="1"/>
    </row>
    <row r="124" spans="3:39" ht="13.8" x14ac:dyDescent="0.3">
      <c r="C124" s="1"/>
      <c r="D124" s="1"/>
      <c r="E124" s="1"/>
      <c r="F124" s="1"/>
      <c r="G124" s="1"/>
      <c r="H124" s="1"/>
      <c r="I124" s="1"/>
      <c r="J124" s="1"/>
      <c r="K124" s="1"/>
      <c r="L124" s="1"/>
      <c r="M124" s="1"/>
      <c r="N124" s="1"/>
      <c r="O124" s="1"/>
      <c r="P124" s="1"/>
      <c r="Q124" s="1"/>
      <c r="R124" s="1"/>
      <c r="S124" s="1"/>
      <c r="T124" s="1"/>
      <c r="U124" s="1"/>
      <c r="V124" s="1"/>
      <c r="W124" s="1"/>
      <c r="X124" s="1"/>
      <c r="Y124" s="1"/>
      <c r="Z124" s="1"/>
      <c r="AA124" s="1"/>
      <c r="AB124" s="1"/>
      <c r="AC124" s="1"/>
      <c r="AD124" s="1"/>
      <c r="AE124" s="1"/>
      <c r="AF124" s="1"/>
      <c r="AG124" s="1"/>
      <c r="AH124" s="1"/>
      <c r="AI124" s="1"/>
      <c r="AJ124" s="1"/>
      <c r="AK124" s="1"/>
      <c r="AL124" s="1"/>
      <c r="AM124" s="1"/>
    </row>
    <row r="125" spans="3:39" ht="13.8" x14ac:dyDescent="0.3">
      <c r="C125" s="1"/>
      <c r="D125" s="1"/>
      <c r="E125" s="1"/>
      <c r="F125" s="1"/>
      <c r="G125" s="1"/>
      <c r="H125" s="1"/>
      <c r="I125" s="1"/>
      <c r="J125" s="1"/>
      <c r="K125" s="1"/>
      <c r="L125" s="1"/>
      <c r="M125" s="1"/>
      <c r="N125" s="1"/>
      <c r="O125" s="1"/>
      <c r="P125" s="1"/>
      <c r="Q125" s="1"/>
      <c r="R125" s="1"/>
      <c r="S125" s="1"/>
      <c r="T125" s="1"/>
      <c r="U125" s="1"/>
      <c r="V125" s="1"/>
      <c r="W125" s="1"/>
      <c r="X125" s="1"/>
      <c r="Y125" s="1"/>
      <c r="Z125" s="1"/>
      <c r="AA125" s="1"/>
      <c r="AB125" s="1"/>
      <c r="AC125" s="1"/>
      <c r="AD125" s="1"/>
      <c r="AE125" s="1"/>
      <c r="AF125" s="1"/>
      <c r="AG125" s="1"/>
      <c r="AH125" s="1"/>
      <c r="AI125" s="1"/>
      <c r="AJ125" s="1"/>
      <c r="AK125" s="1"/>
      <c r="AL125" s="1"/>
      <c r="AM125" s="1"/>
    </row>
    <row r="126" spans="3:39" ht="13.8" x14ac:dyDescent="0.3">
      <c r="C126" s="1"/>
      <c r="D126" s="1"/>
      <c r="E126" s="1"/>
      <c r="F126" s="1"/>
      <c r="G126" s="1"/>
      <c r="H126" s="1"/>
      <c r="I126" s="1"/>
      <c r="J126" s="1"/>
      <c r="K126" s="1"/>
      <c r="L126" s="1"/>
      <c r="M126" s="1"/>
      <c r="N126" s="1"/>
      <c r="O126" s="1"/>
      <c r="P126" s="1"/>
      <c r="Q126" s="1"/>
      <c r="R126" s="1"/>
      <c r="S126" s="1"/>
      <c r="T126" s="1"/>
      <c r="U126" s="1"/>
      <c r="V126" s="1"/>
      <c r="W126" s="1"/>
      <c r="X126" s="1"/>
      <c r="Y126" s="1"/>
      <c r="Z126" s="1"/>
      <c r="AA126" s="1"/>
      <c r="AB126" s="1"/>
      <c r="AC126" s="1"/>
      <c r="AD126" s="1"/>
      <c r="AE126" s="1"/>
      <c r="AF126" s="1"/>
      <c r="AG126" s="1"/>
      <c r="AH126" s="1"/>
      <c r="AI126" s="1"/>
      <c r="AJ126" s="1"/>
      <c r="AK126" s="1"/>
      <c r="AL126" s="1"/>
      <c r="AM126" s="1"/>
    </row>
    <row r="127" spans="3:39" ht="13.8" x14ac:dyDescent="0.3">
      <c r="C127" s="1"/>
      <c r="D127" s="1"/>
      <c r="E127" s="1"/>
      <c r="F127" s="1"/>
      <c r="G127" s="1"/>
      <c r="H127" s="1"/>
      <c r="I127" s="1"/>
      <c r="J127" s="1"/>
      <c r="K127" s="1"/>
      <c r="L127" s="1"/>
      <c r="M127" s="1"/>
      <c r="N127" s="1"/>
      <c r="O127" s="1"/>
      <c r="P127" s="1"/>
      <c r="Q127" s="1"/>
      <c r="R127" s="1"/>
      <c r="S127" s="1"/>
      <c r="T127" s="1"/>
      <c r="U127" s="1"/>
      <c r="V127" s="1"/>
      <c r="W127" s="1"/>
      <c r="X127" s="1"/>
      <c r="Y127" s="1"/>
      <c r="Z127" s="1"/>
      <c r="AA127" s="1"/>
      <c r="AB127" s="1"/>
      <c r="AC127" s="1"/>
      <c r="AD127" s="1"/>
      <c r="AE127" s="1"/>
      <c r="AF127" s="1"/>
      <c r="AG127" s="1"/>
      <c r="AH127" s="1"/>
      <c r="AI127" s="1"/>
      <c r="AJ127" s="1"/>
      <c r="AK127" s="1"/>
      <c r="AL127" s="1"/>
      <c r="AM127" s="1"/>
    </row>
    <row r="128" spans="3:39" ht="13.8" x14ac:dyDescent="0.3">
      <c r="C128" s="1"/>
      <c r="D128" s="1"/>
      <c r="E128" s="1"/>
      <c r="F128" s="1"/>
      <c r="G128" s="1"/>
      <c r="H128" s="1"/>
      <c r="I128" s="1"/>
      <c r="J128" s="1"/>
      <c r="K128" s="1"/>
      <c r="L128" s="1"/>
      <c r="M128" s="1"/>
      <c r="N128" s="1"/>
      <c r="O128" s="1"/>
      <c r="P128" s="1"/>
      <c r="Q128" s="1"/>
      <c r="R128" s="1"/>
      <c r="S128" s="1"/>
      <c r="T128" s="1"/>
      <c r="U128" s="1"/>
      <c r="V128" s="1"/>
      <c r="W128" s="1"/>
      <c r="X128" s="1"/>
      <c r="Y128" s="1"/>
      <c r="Z128" s="1"/>
      <c r="AA128" s="1"/>
      <c r="AB128" s="1"/>
      <c r="AC128" s="1"/>
      <c r="AD128" s="1"/>
      <c r="AE128" s="1"/>
      <c r="AF128" s="1"/>
      <c r="AG128" s="1"/>
      <c r="AH128" s="1"/>
      <c r="AI128" s="1"/>
      <c r="AJ128" s="1"/>
      <c r="AK128" s="1"/>
      <c r="AL128" s="1"/>
      <c r="AM128" s="1"/>
    </row>
    <row r="129" spans="3:39" ht="13.8" x14ac:dyDescent="0.3">
      <c r="C129" s="1"/>
      <c r="D129" s="1"/>
      <c r="E129" s="1"/>
      <c r="F129" s="1"/>
      <c r="G129" s="1"/>
      <c r="H129" s="1"/>
      <c r="I129" s="1"/>
      <c r="J129" s="1"/>
      <c r="K129" s="1"/>
      <c r="L129" s="1"/>
      <c r="M129" s="1"/>
      <c r="N129" s="1"/>
      <c r="O129" s="1"/>
      <c r="P129" s="1"/>
      <c r="Q129" s="1"/>
      <c r="R129" s="1"/>
      <c r="S129" s="1"/>
      <c r="T129" s="1"/>
      <c r="U129" s="1"/>
      <c r="V129" s="1"/>
      <c r="W129" s="1"/>
      <c r="X129" s="1"/>
      <c r="Y129" s="1"/>
      <c r="Z129" s="1"/>
      <c r="AA129" s="1"/>
      <c r="AB129" s="1"/>
      <c r="AC129" s="1"/>
      <c r="AD129" s="1"/>
      <c r="AE129" s="1"/>
      <c r="AF129" s="1"/>
      <c r="AG129" s="1"/>
      <c r="AH129" s="1"/>
      <c r="AI129" s="1"/>
      <c r="AJ129" s="1"/>
      <c r="AK129" s="1"/>
      <c r="AL129" s="1"/>
      <c r="AM129" s="1"/>
    </row>
    <row r="130" spans="3:39" ht="13.8" x14ac:dyDescent="0.3">
      <c r="C130" s="1"/>
      <c r="D130" s="1"/>
      <c r="E130" s="1"/>
      <c r="F130" s="1"/>
      <c r="G130" s="1"/>
      <c r="H130" s="1"/>
      <c r="I130" s="1"/>
      <c r="J130" s="1"/>
      <c r="K130" s="1"/>
      <c r="L130" s="1"/>
      <c r="M130" s="1"/>
      <c r="N130" s="1"/>
      <c r="O130" s="1"/>
      <c r="P130" s="1"/>
      <c r="Q130" s="1"/>
      <c r="R130" s="1"/>
      <c r="S130" s="1"/>
      <c r="T130" s="1"/>
      <c r="U130" s="1"/>
      <c r="V130" s="1"/>
      <c r="W130" s="1"/>
      <c r="X130" s="1"/>
      <c r="Y130" s="1"/>
      <c r="Z130" s="1"/>
      <c r="AA130" s="1"/>
      <c r="AB130" s="1"/>
      <c r="AC130" s="1"/>
      <c r="AD130" s="1"/>
      <c r="AE130" s="1"/>
      <c r="AF130" s="1"/>
      <c r="AG130" s="1"/>
      <c r="AH130" s="1"/>
      <c r="AI130" s="1"/>
      <c r="AJ130" s="1"/>
      <c r="AK130" s="1"/>
      <c r="AL130" s="1"/>
      <c r="AM130" s="1"/>
    </row>
    <row r="131" spans="3:39" ht="13.8" x14ac:dyDescent="0.3">
      <c r="C131" s="1"/>
      <c r="D131" s="1"/>
      <c r="E131" s="1"/>
      <c r="F131" s="1"/>
      <c r="G131" s="1"/>
      <c r="H131" s="1"/>
      <c r="I131" s="1"/>
      <c r="J131" s="1"/>
      <c r="K131" s="1"/>
      <c r="L131" s="1"/>
      <c r="M131" s="1"/>
      <c r="N131" s="1"/>
      <c r="O131" s="1"/>
      <c r="P131" s="1"/>
      <c r="Q131" s="1"/>
      <c r="R131" s="1"/>
      <c r="S131" s="1"/>
      <c r="T131" s="1"/>
      <c r="U131" s="1"/>
      <c r="V131" s="1"/>
      <c r="W131" s="1"/>
      <c r="X131" s="1"/>
      <c r="Y131" s="1"/>
      <c r="Z131" s="1"/>
      <c r="AA131" s="1"/>
      <c r="AB131" s="1"/>
      <c r="AC131" s="1"/>
      <c r="AD131" s="1"/>
      <c r="AE131" s="1"/>
      <c r="AF131" s="1"/>
      <c r="AG131" s="1"/>
      <c r="AH131" s="1"/>
      <c r="AI131" s="1"/>
      <c r="AJ131" s="1"/>
      <c r="AK131" s="1"/>
      <c r="AL131" s="1"/>
      <c r="AM131" s="1"/>
    </row>
    <row r="132" spans="3:39" ht="13.8" x14ac:dyDescent="0.3">
      <c r="C132" s="1"/>
      <c r="D132" s="1"/>
      <c r="E132" s="1"/>
      <c r="F132" s="1"/>
      <c r="G132" s="1"/>
      <c r="H132" s="1"/>
      <c r="I132" s="1"/>
      <c r="J132" s="1"/>
      <c r="K132" s="1"/>
      <c r="L132" s="1"/>
      <c r="M132" s="1"/>
      <c r="N132" s="1"/>
      <c r="O132" s="1"/>
      <c r="P132" s="1"/>
      <c r="Q132" s="1"/>
      <c r="R132" s="1"/>
      <c r="S132" s="1"/>
      <c r="T132" s="1"/>
      <c r="U132" s="1"/>
      <c r="V132" s="1"/>
      <c r="W132" s="1"/>
      <c r="X132" s="1"/>
      <c r="Y132" s="1"/>
      <c r="Z132" s="1"/>
      <c r="AA132" s="1"/>
      <c r="AB132" s="1"/>
      <c r="AC132" s="1"/>
      <c r="AD132" s="1"/>
      <c r="AE132" s="1"/>
      <c r="AF132" s="1"/>
      <c r="AG132" s="1"/>
      <c r="AH132" s="1"/>
      <c r="AI132" s="1"/>
      <c r="AJ132" s="1"/>
      <c r="AK132" s="1"/>
      <c r="AL132" s="1"/>
      <c r="AM132" s="1"/>
    </row>
    <row r="133" spans="3:39" ht="13.8" x14ac:dyDescent="0.3">
      <c r="C133" s="1"/>
      <c r="D133" s="1"/>
      <c r="E133" s="1"/>
      <c r="F133" s="1"/>
      <c r="G133" s="1"/>
      <c r="H133" s="1"/>
      <c r="I133" s="1"/>
      <c r="J133" s="1"/>
      <c r="K133" s="1"/>
      <c r="L133" s="1"/>
      <c r="M133" s="1"/>
      <c r="N133" s="1"/>
      <c r="O133" s="1"/>
      <c r="P133" s="1"/>
      <c r="Q133" s="1"/>
      <c r="R133" s="1"/>
      <c r="S133" s="1"/>
      <c r="T133" s="1"/>
      <c r="U133" s="1"/>
      <c r="V133" s="1"/>
      <c r="W133" s="1"/>
      <c r="X133" s="1"/>
      <c r="Y133" s="1"/>
      <c r="Z133" s="1"/>
      <c r="AA133" s="1"/>
      <c r="AB133" s="1"/>
      <c r="AC133" s="1"/>
      <c r="AD133" s="1"/>
      <c r="AE133" s="1"/>
      <c r="AF133" s="1"/>
      <c r="AG133" s="1"/>
      <c r="AH133" s="1"/>
      <c r="AI133" s="1"/>
      <c r="AJ133" s="1"/>
      <c r="AK133" s="1"/>
      <c r="AL133" s="1"/>
      <c r="AM133" s="1"/>
    </row>
    <row r="134" spans="3:39" ht="13.8" x14ac:dyDescent="0.3">
      <c r="C134" s="1"/>
      <c r="D134" s="1"/>
      <c r="E134" s="1"/>
      <c r="F134" s="1"/>
      <c r="G134" s="1"/>
      <c r="H134" s="1"/>
      <c r="I134" s="1"/>
      <c r="J134" s="1"/>
      <c r="K134" s="1"/>
      <c r="L134" s="1"/>
      <c r="M134" s="1"/>
      <c r="N134" s="1"/>
      <c r="O134" s="1"/>
      <c r="P134" s="1"/>
      <c r="Q134" s="1"/>
      <c r="R134" s="1"/>
      <c r="S134" s="1"/>
      <c r="T134" s="1"/>
      <c r="U134" s="1"/>
      <c r="V134" s="1"/>
      <c r="W134" s="1"/>
      <c r="X134" s="1"/>
      <c r="Y134" s="1"/>
      <c r="Z134" s="1"/>
      <c r="AA134" s="1"/>
      <c r="AB134" s="1"/>
      <c r="AC134" s="1"/>
      <c r="AD134" s="1"/>
      <c r="AE134" s="1"/>
      <c r="AF134" s="1"/>
      <c r="AG134" s="1"/>
      <c r="AH134" s="1"/>
      <c r="AI134" s="1"/>
      <c r="AJ134" s="1"/>
      <c r="AK134" s="1"/>
      <c r="AL134" s="1"/>
      <c r="AM134" s="1"/>
    </row>
    <row r="135" spans="3:39" ht="13.8" x14ac:dyDescent="0.3">
      <c r="C135" s="1"/>
      <c r="D135" s="1"/>
      <c r="E135" s="1"/>
      <c r="F135" s="1"/>
      <c r="G135" s="1"/>
      <c r="H135" s="1"/>
      <c r="I135" s="1"/>
      <c r="J135" s="1"/>
      <c r="K135" s="1"/>
      <c r="L135" s="1"/>
      <c r="M135" s="1"/>
      <c r="N135" s="1"/>
      <c r="O135" s="1"/>
      <c r="P135" s="1"/>
      <c r="Q135" s="1"/>
      <c r="R135" s="1"/>
      <c r="S135" s="1"/>
      <c r="T135" s="1"/>
      <c r="U135" s="1"/>
      <c r="V135" s="1"/>
      <c r="W135" s="1"/>
      <c r="X135" s="1"/>
      <c r="Y135" s="1"/>
      <c r="Z135" s="1"/>
      <c r="AA135" s="1"/>
      <c r="AB135" s="1"/>
      <c r="AC135" s="1"/>
      <c r="AD135" s="1"/>
      <c r="AE135" s="1"/>
      <c r="AF135" s="1"/>
      <c r="AG135" s="1"/>
      <c r="AH135" s="1"/>
      <c r="AI135" s="1"/>
      <c r="AJ135" s="1"/>
      <c r="AK135" s="1"/>
      <c r="AL135" s="1"/>
      <c r="AM135" s="1"/>
    </row>
    <row r="136" spans="3:39" ht="13.8" x14ac:dyDescent="0.3">
      <c r="C136" s="1"/>
      <c r="D136" s="1"/>
      <c r="E136" s="1"/>
      <c r="F136" s="1"/>
      <c r="G136" s="1"/>
      <c r="H136" s="1"/>
      <c r="I136" s="1"/>
      <c r="J136" s="1"/>
      <c r="K136" s="1"/>
      <c r="L136" s="1"/>
      <c r="M136" s="1"/>
      <c r="N136" s="1"/>
      <c r="O136" s="1"/>
      <c r="P136" s="1"/>
      <c r="Q136" s="1"/>
      <c r="R136" s="1"/>
      <c r="S136" s="1"/>
      <c r="T136" s="1"/>
      <c r="U136" s="1"/>
      <c r="V136" s="1"/>
      <c r="W136" s="1"/>
      <c r="X136" s="1"/>
      <c r="Y136" s="1"/>
      <c r="Z136" s="1"/>
      <c r="AA136" s="1"/>
      <c r="AB136" s="1"/>
      <c r="AC136" s="1"/>
      <c r="AD136" s="1"/>
      <c r="AE136" s="1"/>
      <c r="AF136" s="1"/>
      <c r="AG136" s="1"/>
      <c r="AH136" s="1"/>
      <c r="AI136" s="1"/>
      <c r="AJ136" s="1"/>
      <c r="AK136" s="1"/>
      <c r="AL136" s="1"/>
      <c r="AM136" s="1"/>
    </row>
    <row r="137" spans="3:39" ht="13.8" x14ac:dyDescent="0.3">
      <c r="C137" s="1"/>
      <c r="D137" s="1"/>
      <c r="E137" s="1"/>
      <c r="F137" s="1"/>
      <c r="G137" s="1"/>
      <c r="H137" s="1"/>
      <c r="I137" s="1"/>
      <c r="J137" s="1"/>
      <c r="K137" s="1"/>
      <c r="L137" s="1"/>
      <c r="M137" s="1"/>
      <c r="N137" s="1"/>
      <c r="O137" s="1"/>
      <c r="P137" s="1"/>
      <c r="Q137" s="1"/>
      <c r="R137" s="1"/>
      <c r="S137" s="1"/>
      <c r="T137" s="1"/>
      <c r="U137" s="1"/>
      <c r="V137" s="1"/>
      <c r="W137" s="1"/>
      <c r="X137" s="1"/>
      <c r="Y137" s="1"/>
      <c r="Z137" s="1"/>
      <c r="AA137" s="1"/>
      <c r="AB137" s="1"/>
      <c r="AC137" s="1"/>
      <c r="AD137" s="1"/>
      <c r="AE137" s="1"/>
      <c r="AF137" s="1"/>
      <c r="AG137" s="1"/>
      <c r="AH137" s="1"/>
      <c r="AI137" s="1"/>
      <c r="AJ137" s="1"/>
      <c r="AK137" s="1"/>
      <c r="AL137" s="1"/>
      <c r="AM137" s="1"/>
    </row>
    <row r="138" spans="3:39" ht="13.8" x14ac:dyDescent="0.3">
      <c r="C138" s="1"/>
      <c r="D138" s="1"/>
      <c r="E138" s="1"/>
      <c r="F138" s="1"/>
      <c r="G138" s="1"/>
      <c r="H138" s="1"/>
      <c r="I138" s="1"/>
      <c r="J138" s="1"/>
      <c r="K138" s="1"/>
      <c r="L138" s="1"/>
      <c r="M138" s="1"/>
      <c r="N138" s="1"/>
      <c r="O138" s="1"/>
      <c r="P138" s="1"/>
      <c r="Q138" s="1"/>
      <c r="R138" s="1"/>
      <c r="S138" s="1"/>
      <c r="T138" s="1"/>
      <c r="U138" s="1"/>
      <c r="V138" s="1"/>
      <c r="W138" s="1"/>
      <c r="X138" s="1"/>
      <c r="Y138" s="1"/>
      <c r="Z138" s="1"/>
      <c r="AA138" s="1"/>
      <c r="AB138" s="1"/>
      <c r="AC138" s="1"/>
      <c r="AD138" s="1"/>
      <c r="AE138" s="1"/>
      <c r="AF138" s="1"/>
      <c r="AG138" s="1"/>
      <c r="AH138" s="1"/>
      <c r="AI138" s="1"/>
      <c r="AJ138" s="1"/>
      <c r="AK138" s="1"/>
      <c r="AL138" s="1"/>
      <c r="AM138" s="1"/>
    </row>
    <row r="139" spans="3:39" ht="13.8" x14ac:dyDescent="0.3">
      <c r="C139" s="1"/>
      <c r="D139" s="1"/>
      <c r="E139" s="1"/>
      <c r="F139" s="1"/>
      <c r="G139" s="1"/>
      <c r="H139" s="1"/>
      <c r="I139" s="1"/>
      <c r="J139" s="1"/>
      <c r="K139" s="1"/>
      <c r="L139" s="1"/>
      <c r="M139" s="1"/>
      <c r="N139" s="1"/>
      <c r="O139" s="1"/>
      <c r="P139" s="1"/>
      <c r="Q139" s="1"/>
      <c r="R139" s="1"/>
      <c r="S139" s="1"/>
      <c r="T139" s="1"/>
      <c r="U139" s="1"/>
      <c r="V139" s="1"/>
      <c r="W139" s="1"/>
      <c r="X139" s="1"/>
      <c r="Y139" s="1"/>
      <c r="Z139" s="1"/>
      <c r="AA139" s="1"/>
      <c r="AB139" s="1"/>
      <c r="AC139" s="1"/>
      <c r="AD139" s="1"/>
      <c r="AE139" s="1"/>
      <c r="AF139" s="1"/>
      <c r="AG139" s="1"/>
      <c r="AH139" s="1"/>
      <c r="AI139" s="1"/>
      <c r="AJ139" s="1"/>
      <c r="AK139" s="1"/>
      <c r="AL139" s="1"/>
      <c r="AM139" s="1"/>
    </row>
    <row r="140" spans="3:39" ht="13.8" x14ac:dyDescent="0.3">
      <c r="C140" s="1"/>
      <c r="D140" s="1"/>
      <c r="E140" s="1"/>
      <c r="F140" s="1"/>
      <c r="G140" s="1"/>
      <c r="H140" s="1"/>
      <c r="I140" s="1"/>
      <c r="J140" s="1"/>
      <c r="K140" s="1"/>
      <c r="L140" s="1"/>
      <c r="M140" s="1"/>
      <c r="N140" s="1"/>
      <c r="O140" s="1"/>
      <c r="P140" s="1"/>
      <c r="Q140" s="1"/>
      <c r="R140" s="1"/>
      <c r="S140" s="1"/>
      <c r="T140" s="1"/>
      <c r="U140" s="1"/>
      <c r="V140" s="1"/>
      <c r="W140" s="1"/>
      <c r="X140" s="1"/>
      <c r="Y140" s="1"/>
      <c r="Z140" s="1"/>
      <c r="AA140" s="1"/>
      <c r="AB140" s="1"/>
      <c r="AC140" s="1"/>
      <c r="AD140" s="1"/>
      <c r="AE140" s="1"/>
      <c r="AF140" s="1"/>
      <c r="AG140" s="1"/>
      <c r="AH140" s="1"/>
      <c r="AI140" s="1"/>
      <c r="AJ140" s="1"/>
      <c r="AK140" s="1"/>
      <c r="AL140" s="1"/>
      <c r="AM140" s="1"/>
    </row>
    <row r="141" spans="3:39" ht="13.8" x14ac:dyDescent="0.3">
      <c r="C141" s="1"/>
      <c r="D141" s="1"/>
      <c r="E141" s="1"/>
      <c r="F141" s="1"/>
      <c r="G141" s="1"/>
      <c r="H141" s="1"/>
      <c r="I141" s="1"/>
      <c r="J141" s="1"/>
      <c r="K141" s="1"/>
      <c r="L141" s="1"/>
      <c r="M141" s="1"/>
      <c r="N141" s="1"/>
      <c r="O141" s="1"/>
      <c r="P141" s="1"/>
      <c r="Q141" s="1"/>
      <c r="R141" s="1"/>
      <c r="S141" s="1"/>
      <c r="T141" s="1"/>
      <c r="U141" s="1"/>
      <c r="V141" s="1"/>
      <c r="W141" s="1"/>
      <c r="X141" s="1"/>
      <c r="Y141" s="1"/>
      <c r="Z141" s="1"/>
      <c r="AA141" s="1"/>
      <c r="AB141" s="1"/>
      <c r="AC141" s="1"/>
      <c r="AD141" s="1"/>
      <c r="AE141" s="1"/>
      <c r="AF141" s="1"/>
      <c r="AG141" s="1"/>
      <c r="AH141" s="1"/>
      <c r="AI141" s="1"/>
      <c r="AJ141" s="1"/>
      <c r="AK141" s="1"/>
      <c r="AL141" s="1"/>
      <c r="AM141" s="1"/>
    </row>
    <row r="142" spans="3:39" ht="13.8" x14ac:dyDescent="0.3">
      <c r="C142" s="1"/>
      <c r="D142" s="1"/>
      <c r="E142" s="1"/>
      <c r="F142" s="1"/>
      <c r="G142" s="1"/>
      <c r="H142" s="1"/>
      <c r="I142" s="1"/>
      <c r="J142" s="1"/>
      <c r="K142" s="1"/>
      <c r="L142" s="1"/>
      <c r="M142" s="1"/>
      <c r="N142" s="1"/>
      <c r="O142" s="1"/>
      <c r="P142" s="1"/>
      <c r="Q142" s="1"/>
      <c r="R142" s="1"/>
      <c r="S142" s="1"/>
      <c r="T142" s="1"/>
      <c r="U142" s="1"/>
      <c r="V142" s="1"/>
      <c r="W142" s="1"/>
      <c r="X142" s="1"/>
      <c r="Y142" s="1"/>
      <c r="Z142" s="1"/>
      <c r="AA142" s="1"/>
      <c r="AB142" s="1"/>
      <c r="AC142" s="1"/>
      <c r="AD142" s="1"/>
      <c r="AE142" s="1"/>
      <c r="AF142" s="1"/>
      <c r="AG142" s="1"/>
      <c r="AH142" s="1"/>
      <c r="AI142" s="1"/>
      <c r="AJ142" s="1"/>
      <c r="AK142" s="1"/>
      <c r="AL142" s="1"/>
      <c r="AM142" s="1"/>
    </row>
    <row r="143" spans="3:39" ht="13.8" x14ac:dyDescent="0.3">
      <c r="C143" s="1"/>
      <c r="D143" s="1"/>
      <c r="E143" s="1"/>
      <c r="F143" s="1"/>
      <c r="G143" s="1"/>
      <c r="H143" s="1"/>
      <c r="I143" s="1"/>
      <c r="J143" s="1"/>
      <c r="K143" s="1"/>
      <c r="L143" s="1"/>
      <c r="M143" s="1"/>
      <c r="N143" s="1"/>
      <c r="O143" s="1"/>
      <c r="P143" s="1"/>
      <c r="Q143" s="1"/>
      <c r="R143" s="1"/>
      <c r="S143" s="1"/>
      <c r="T143" s="1"/>
      <c r="U143" s="1"/>
      <c r="V143" s="1"/>
      <c r="W143" s="1"/>
      <c r="X143" s="1"/>
      <c r="Y143" s="1"/>
      <c r="Z143" s="1"/>
      <c r="AA143" s="1"/>
      <c r="AB143" s="1"/>
      <c r="AC143" s="1"/>
      <c r="AD143" s="1"/>
      <c r="AE143" s="1"/>
      <c r="AF143" s="1"/>
      <c r="AG143" s="1"/>
      <c r="AH143" s="1"/>
      <c r="AI143" s="1"/>
      <c r="AJ143" s="1"/>
      <c r="AK143" s="1"/>
      <c r="AL143" s="1"/>
      <c r="AM143" s="1"/>
    </row>
    <row r="144" spans="3:39" ht="13.8" x14ac:dyDescent="0.3">
      <c r="C144" s="1"/>
      <c r="D144" s="1"/>
      <c r="E144" s="1"/>
      <c r="F144" s="1"/>
      <c r="G144" s="1"/>
      <c r="H144" s="1"/>
      <c r="I144" s="1"/>
      <c r="J144" s="1"/>
      <c r="K144" s="1"/>
      <c r="L144" s="1"/>
      <c r="M144" s="1"/>
      <c r="N144" s="1"/>
      <c r="O144" s="1"/>
      <c r="P144" s="1"/>
      <c r="Q144" s="1"/>
      <c r="R144" s="1"/>
      <c r="S144" s="1"/>
      <c r="T144" s="1"/>
      <c r="U144" s="1"/>
      <c r="V144" s="1"/>
      <c r="W144" s="1"/>
      <c r="X144" s="1"/>
      <c r="Y144" s="1"/>
      <c r="Z144" s="1"/>
      <c r="AA144" s="1"/>
      <c r="AB144" s="1"/>
      <c r="AC144" s="1"/>
      <c r="AD144" s="1"/>
      <c r="AE144" s="1"/>
      <c r="AF144" s="1"/>
      <c r="AG144" s="1"/>
      <c r="AH144" s="1"/>
      <c r="AI144" s="1"/>
      <c r="AJ144" s="1"/>
      <c r="AK144" s="1"/>
      <c r="AL144" s="1"/>
      <c r="AM144" s="1"/>
    </row>
    <row r="145" spans="3:39" ht="13.8" x14ac:dyDescent="0.3">
      <c r="C145" s="1"/>
      <c r="D145" s="1"/>
      <c r="E145" s="1"/>
      <c r="F145" s="1"/>
      <c r="G145" s="1"/>
      <c r="H145" s="1"/>
      <c r="I145" s="1"/>
      <c r="J145" s="1"/>
      <c r="K145" s="1"/>
      <c r="L145" s="1"/>
      <c r="M145" s="1"/>
      <c r="N145" s="1"/>
      <c r="O145" s="1"/>
      <c r="P145" s="1"/>
      <c r="Q145" s="1"/>
      <c r="R145" s="1"/>
      <c r="S145" s="1"/>
      <c r="T145" s="1"/>
      <c r="U145" s="1"/>
      <c r="V145" s="1"/>
      <c r="W145" s="1"/>
      <c r="X145" s="1"/>
      <c r="Y145" s="1"/>
      <c r="Z145" s="1"/>
      <c r="AA145" s="1"/>
      <c r="AB145" s="1"/>
      <c r="AC145" s="1"/>
      <c r="AD145" s="1"/>
      <c r="AE145" s="1"/>
      <c r="AF145" s="1"/>
      <c r="AG145" s="1"/>
      <c r="AH145" s="1"/>
      <c r="AI145" s="1"/>
      <c r="AJ145" s="1"/>
      <c r="AK145" s="1"/>
      <c r="AL145" s="1"/>
      <c r="AM145" s="1"/>
    </row>
    <row r="146" spans="3:39" ht="13.8" x14ac:dyDescent="0.3">
      <c r="C146" s="1"/>
      <c r="D146" s="1"/>
      <c r="E146" s="1"/>
      <c r="F146" s="1"/>
      <c r="G146" s="1"/>
      <c r="H146" s="1"/>
      <c r="I146" s="1"/>
      <c r="J146" s="1"/>
      <c r="K146" s="1"/>
      <c r="L146" s="1"/>
      <c r="M146" s="1"/>
      <c r="N146" s="1"/>
      <c r="O146" s="1"/>
      <c r="P146" s="1"/>
      <c r="Q146" s="1"/>
      <c r="R146" s="1"/>
      <c r="S146" s="1"/>
      <c r="T146" s="1"/>
      <c r="U146" s="1"/>
      <c r="V146" s="1"/>
      <c r="W146" s="1"/>
      <c r="X146" s="1"/>
      <c r="Y146" s="1"/>
      <c r="Z146" s="1"/>
      <c r="AA146" s="1"/>
      <c r="AB146" s="1"/>
      <c r="AC146" s="1"/>
      <c r="AD146" s="1"/>
      <c r="AE146" s="1"/>
      <c r="AF146" s="1"/>
      <c r="AG146" s="1"/>
      <c r="AH146" s="1"/>
      <c r="AI146" s="1"/>
      <c r="AJ146" s="1"/>
      <c r="AK146" s="1"/>
      <c r="AL146" s="1"/>
      <c r="AM146" s="1"/>
    </row>
    <row r="147" spans="3:39" ht="13.8" x14ac:dyDescent="0.3">
      <c r="C147" s="1"/>
      <c r="D147" s="1"/>
      <c r="E147" s="1"/>
      <c r="F147" s="1"/>
      <c r="G147" s="1"/>
      <c r="H147" s="1"/>
      <c r="I147" s="1"/>
      <c r="J147" s="1"/>
      <c r="K147" s="1"/>
      <c r="L147" s="1"/>
      <c r="M147" s="1"/>
      <c r="N147" s="1"/>
      <c r="O147" s="1"/>
      <c r="P147" s="1"/>
      <c r="Q147" s="1"/>
      <c r="R147" s="1"/>
      <c r="S147" s="1"/>
      <c r="T147" s="1"/>
      <c r="U147" s="1"/>
      <c r="V147" s="1"/>
      <c r="W147" s="1"/>
      <c r="X147" s="1"/>
      <c r="Y147" s="1"/>
      <c r="Z147" s="1"/>
      <c r="AA147" s="1"/>
      <c r="AB147" s="1"/>
      <c r="AC147" s="1"/>
      <c r="AD147" s="1"/>
      <c r="AE147" s="1"/>
      <c r="AF147" s="1"/>
      <c r="AG147" s="1"/>
      <c r="AH147" s="1"/>
      <c r="AI147" s="1"/>
      <c r="AJ147" s="1"/>
      <c r="AK147" s="1"/>
      <c r="AL147" s="1"/>
      <c r="AM147" s="1"/>
    </row>
    <row r="148" spans="3:39" ht="13.8" x14ac:dyDescent="0.3">
      <c r="C148" s="1"/>
      <c r="D148" s="1"/>
      <c r="E148" s="1"/>
      <c r="F148" s="1"/>
      <c r="G148" s="1"/>
      <c r="H148" s="1"/>
      <c r="I148" s="1"/>
      <c r="J148" s="1"/>
      <c r="K148" s="1"/>
      <c r="L148" s="1"/>
      <c r="M148" s="1"/>
      <c r="N148" s="1"/>
      <c r="O148" s="1"/>
      <c r="P148" s="1"/>
      <c r="Q148" s="1"/>
      <c r="R148" s="1"/>
      <c r="S148" s="1"/>
      <c r="T148" s="1"/>
      <c r="U148" s="1"/>
      <c r="V148" s="1"/>
      <c r="W148" s="1"/>
      <c r="X148" s="1"/>
      <c r="Y148" s="1"/>
      <c r="Z148" s="1"/>
      <c r="AA148" s="1"/>
      <c r="AB148" s="1"/>
      <c r="AC148" s="1"/>
      <c r="AD148" s="1"/>
      <c r="AE148" s="1"/>
      <c r="AF148" s="1"/>
      <c r="AG148" s="1"/>
      <c r="AH148" s="1"/>
      <c r="AI148" s="1"/>
      <c r="AJ148" s="1"/>
      <c r="AK148" s="1"/>
      <c r="AL148" s="1"/>
      <c r="AM148" s="1"/>
    </row>
    <row r="149" spans="3:39" ht="13.8" x14ac:dyDescent="0.3">
      <c r="C149" s="1"/>
      <c r="D149" s="1"/>
      <c r="E149" s="1"/>
      <c r="F149" s="1"/>
      <c r="G149" s="1"/>
      <c r="H149" s="1"/>
      <c r="I149" s="1"/>
      <c r="J149" s="1"/>
      <c r="K149" s="1"/>
      <c r="L149" s="1"/>
      <c r="M149" s="1"/>
      <c r="N149" s="1"/>
      <c r="O149" s="1"/>
      <c r="P149" s="1"/>
      <c r="Q149" s="1"/>
      <c r="R149" s="1"/>
      <c r="S149" s="1"/>
      <c r="T149" s="1"/>
      <c r="U149" s="1"/>
      <c r="V149" s="1"/>
      <c r="W149" s="1"/>
      <c r="X149" s="1"/>
      <c r="Y149" s="1"/>
      <c r="Z149" s="1"/>
      <c r="AA149" s="1"/>
      <c r="AB149" s="1"/>
      <c r="AC149" s="1"/>
      <c r="AD149" s="1"/>
      <c r="AE149" s="1"/>
      <c r="AF149" s="1"/>
      <c r="AG149" s="1"/>
      <c r="AH149" s="1"/>
      <c r="AI149" s="1"/>
      <c r="AJ149" s="1"/>
      <c r="AK149" s="1"/>
      <c r="AL149" s="1"/>
      <c r="AM149" s="1"/>
    </row>
    <row r="150" spans="3:39" ht="13.8" x14ac:dyDescent="0.3">
      <c r="C150" s="1"/>
      <c r="D150" s="1"/>
      <c r="E150" s="1"/>
      <c r="F150" s="1"/>
      <c r="G150" s="1"/>
      <c r="H150" s="1"/>
      <c r="I150" s="1"/>
      <c r="J150" s="1"/>
      <c r="K150" s="1"/>
      <c r="L150" s="1"/>
      <c r="M150" s="1"/>
      <c r="N150" s="1"/>
      <c r="O150" s="1"/>
      <c r="P150" s="1"/>
      <c r="Q150" s="1"/>
      <c r="R150" s="1"/>
      <c r="S150" s="1"/>
      <c r="T150" s="1"/>
      <c r="U150" s="1"/>
      <c r="V150" s="1"/>
      <c r="W150" s="1"/>
      <c r="X150" s="1"/>
      <c r="Y150" s="1"/>
      <c r="Z150" s="1"/>
      <c r="AA150" s="1"/>
      <c r="AB150" s="1"/>
      <c r="AC150" s="1"/>
      <c r="AD150" s="1"/>
      <c r="AE150" s="1"/>
      <c r="AF150" s="1"/>
      <c r="AG150" s="1"/>
      <c r="AH150" s="1"/>
      <c r="AI150" s="1"/>
      <c r="AJ150" s="1"/>
      <c r="AK150" s="1"/>
      <c r="AL150" s="1"/>
      <c r="AM150" s="1"/>
    </row>
    <row r="151" spans="3:39" ht="13.8" x14ac:dyDescent="0.3">
      <c r="C151" s="1"/>
      <c r="D151" s="1"/>
      <c r="E151" s="1"/>
      <c r="F151" s="1"/>
      <c r="G151" s="1"/>
      <c r="H151" s="1"/>
      <c r="I151" s="1"/>
      <c r="J151" s="1"/>
      <c r="K151" s="1"/>
      <c r="L151" s="1"/>
      <c r="M151" s="1"/>
      <c r="N151" s="1"/>
      <c r="O151" s="1"/>
      <c r="P151" s="1"/>
      <c r="Q151" s="1"/>
      <c r="R151" s="1"/>
      <c r="S151" s="1"/>
      <c r="T151" s="1"/>
      <c r="U151" s="1"/>
      <c r="V151" s="1"/>
      <c r="W151" s="1"/>
      <c r="X151" s="1"/>
      <c r="Y151" s="1"/>
      <c r="Z151" s="1"/>
      <c r="AA151" s="1"/>
      <c r="AB151" s="1"/>
      <c r="AC151" s="1"/>
      <c r="AD151" s="1"/>
      <c r="AE151" s="1"/>
      <c r="AF151" s="1"/>
      <c r="AG151" s="1"/>
      <c r="AH151" s="1"/>
      <c r="AI151" s="1"/>
      <c r="AJ151" s="1"/>
      <c r="AK151" s="1"/>
      <c r="AL151" s="1"/>
      <c r="AM151" s="1"/>
    </row>
    <row r="152" spans="3:39" ht="13.8" x14ac:dyDescent="0.3">
      <c r="C152" s="1"/>
      <c r="D152" s="1"/>
      <c r="E152" s="1"/>
      <c r="F152" s="1"/>
      <c r="G152" s="1"/>
      <c r="H152" s="1"/>
      <c r="I152" s="1"/>
      <c r="J152" s="1"/>
      <c r="K152" s="1"/>
      <c r="L152" s="1"/>
      <c r="M152" s="1"/>
      <c r="N152" s="1"/>
      <c r="O152" s="1"/>
      <c r="P152" s="1"/>
      <c r="Q152" s="1"/>
      <c r="R152" s="1"/>
      <c r="S152" s="1"/>
      <c r="T152" s="1"/>
      <c r="U152" s="1"/>
      <c r="V152" s="1"/>
      <c r="W152" s="1"/>
      <c r="X152" s="1"/>
      <c r="Y152" s="1"/>
      <c r="Z152" s="1"/>
      <c r="AA152" s="1"/>
      <c r="AB152" s="1"/>
      <c r="AC152" s="1"/>
      <c r="AD152" s="1"/>
      <c r="AE152" s="1"/>
      <c r="AF152" s="1"/>
      <c r="AG152" s="1"/>
      <c r="AH152" s="1"/>
      <c r="AI152" s="1"/>
      <c r="AJ152" s="1"/>
      <c r="AK152" s="1"/>
      <c r="AL152" s="1"/>
      <c r="AM152" s="1"/>
    </row>
    <row r="153" spans="3:39" ht="13.8" x14ac:dyDescent="0.3">
      <c r="C153" s="1"/>
      <c r="D153" s="1"/>
      <c r="E153" s="1"/>
      <c r="F153" s="1"/>
      <c r="G153" s="1"/>
      <c r="H153" s="1"/>
      <c r="I153" s="1"/>
      <c r="J153" s="1"/>
      <c r="K153" s="1"/>
      <c r="L153" s="1"/>
      <c r="M153" s="1"/>
      <c r="N153" s="1"/>
      <c r="O153" s="1"/>
      <c r="P153" s="1"/>
      <c r="Q153" s="1"/>
      <c r="R153" s="1"/>
      <c r="S153" s="1"/>
      <c r="T153" s="1"/>
      <c r="U153" s="1"/>
      <c r="V153" s="1"/>
      <c r="W153" s="1"/>
      <c r="X153" s="1"/>
      <c r="Y153" s="1"/>
      <c r="Z153" s="1"/>
      <c r="AA153" s="1"/>
      <c r="AB153" s="1"/>
      <c r="AC153" s="1"/>
      <c r="AD153" s="1"/>
      <c r="AE153" s="1"/>
      <c r="AF153" s="1"/>
      <c r="AG153" s="1"/>
      <c r="AH153" s="1"/>
      <c r="AI153" s="1"/>
      <c r="AJ153" s="1"/>
      <c r="AK153" s="1"/>
      <c r="AL153" s="1"/>
      <c r="AM153" s="1"/>
    </row>
    <row r="154" spans="3:39" ht="13.8" x14ac:dyDescent="0.3">
      <c r="C154" s="1"/>
      <c r="D154" s="1"/>
      <c r="E154" s="1"/>
      <c r="F154" s="1"/>
      <c r="G154" s="1"/>
      <c r="H154" s="1"/>
      <c r="I154" s="1"/>
      <c r="J154" s="1"/>
      <c r="K154" s="1"/>
      <c r="L154" s="1"/>
      <c r="M154" s="1"/>
      <c r="N154" s="1"/>
      <c r="O154" s="1"/>
      <c r="P154" s="1"/>
      <c r="Q154" s="1"/>
      <c r="R154" s="1"/>
      <c r="S154" s="1"/>
      <c r="T154" s="1"/>
      <c r="U154" s="1"/>
      <c r="V154" s="1"/>
      <c r="W154" s="1"/>
      <c r="X154" s="1"/>
      <c r="Y154" s="1"/>
      <c r="Z154" s="1"/>
      <c r="AA154" s="1"/>
      <c r="AB154" s="1"/>
      <c r="AC154" s="1"/>
      <c r="AD154" s="1"/>
      <c r="AE154" s="1"/>
      <c r="AF154" s="1"/>
      <c r="AG154" s="1"/>
      <c r="AH154" s="1"/>
      <c r="AI154" s="1"/>
      <c r="AJ154" s="1"/>
      <c r="AK154" s="1"/>
      <c r="AL154" s="1"/>
      <c r="AM154" s="1"/>
    </row>
    <row r="155" spans="3:39" ht="13.8" x14ac:dyDescent="0.3">
      <c r="C155" s="1"/>
      <c r="D155" s="1"/>
      <c r="E155" s="1"/>
      <c r="F155" s="1"/>
      <c r="G155" s="1"/>
      <c r="H155" s="1"/>
      <c r="I155" s="1"/>
      <c r="J155" s="1"/>
      <c r="K155" s="1"/>
      <c r="L155" s="1"/>
      <c r="M155" s="1"/>
      <c r="N155" s="1"/>
      <c r="O155" s="1"/>
      <c r="P155" s="1"/>
      <c r="Q155" s="1"/>
      <c r="R155" s="1"/>
      <c r="S155" s="1"/>
      <c r="T155" s="1"/>
      <c r="U155" s="1"/>
      <c r="V155" s="1"/>
      <c r="W155" s="1"/>
      <c r="X155" s="1"/>
      <c r="Y155" s="1"/>
      <c r="Z155" s="1"/>
      <c r="AA155" s="1"/>
      <c r="AB155" s="1"/>
      <c r="AC155" s="1"/>
      <c r="AD155" s="1"/>
      <c r="AE155" s="1"/>
      <c r="AF155" s="1"/>
      <c r="AG155" s="1"/>
      <c r="AH155" s="1"/>
      <c r="AI155" s="1"/>
      <c r="AJ155" s="1"/>
      <c r="AK155" s="1"/>
      <c r="AL155" s="1"/>
      <c r="AM155" s="1"/>
    </row>
    <row r="156" spans="3:39" ht="13.8" x14ac:dyDescent="0.3">
      <c r="C156" s="1"/>
      <c r="D156" s="1"/>
      <c r="E156" s="1"/>
      <c r="F156" s="1"/>
      <c r="G156" s="1"/>
      <c r="H156" s="1"/>
      <c r="I156" s="1"/>
      <c r="J156" s="1"/>
      <c r="K156" s="1"/>
      <c r="L156" s="1"/>
      <c r="M156" s="1"/>
      <c r="N156" s="1"/>
      <c r="O156" s="1"/>
      <c r="P156" s="1"/>
      <c r="Q156" s="1"/>
      <c r="R156" s="1"/>
      <c r="S156" s="1"/>
      <c r="T156" s="1"/>
      <c r="U156" s="1"/>
      <c r="V156" s="1"/>
      <c r="W156" s="1"/>
      <c r="X156" s="1"/>
      <c r="Y156" s="1"/>
      <c r="Z156" s="1"/>
      <c r="AA156" s="1"/>
      <c r="AB156" s="1"/>
      <c r="AC156" s="1"/>
      <c r="AD156" s="1"/>
      <c r="AE156" s="1"/>
      <c r="AF156" s="1"/>
      <c r="AG156" s="1"/>
      <c r="AH156" s="1"/>
      <c r="AI156" s="1"/>
      <c r="AJ156" s="1"/>
      <c r="AK156" s="1"/>
      <c r="AL156" s="1"/>
      <c r="AM156" s="1"/>
    </row>
    <row r="157" spans="3:39" ht="13.8" x14ac:dyDescent="0.3">
      <c r="C157" s="1"/>
      <c r="D157" s="1"/>
      <c r="E157" s="1"/>
      <c r="F157" s="1"/>
      <c r="G157" s="1"/>
      <c r="H157" s="1"/>
      <c r="I157" s="1"/>
      <c r="J157" s="1"/>
      <c r="K157" s="1"/>
      <c r="L157" s="1"/>
      <c r="M157" s="1"/>
      <c r="N157" s="1"/>
      <c r="O157" s="1"/>
      <c r="P157" s="1"/>
      <c r="Q157" s="1"/>
      <c r="R157" s="1"/>
      <c r="S157" s="1"/>
      <c r="T157" s="1"/>
      <c r="U157" s="1"/>
      <c r="V157" s="1"/>
      <c r="W157" s="1"/>
      <c r="X157" s="1"/>
      <c r="Y157" s="1"/>
      <c r="Z157" s="1"/>
      <c r="AA157" s="1"/>
      <c r="AB157" s="1"/>
      <c r="AC157" s="1"/>
      <c r="AD157" s="1"/>
      <c r="AE157" s="1"/>
      <c r="AF157" s="1"/>
      <c r="AG157" s="1"/>
      <c r="AH157" s="1"/>
      <c r="AI157" s="1"/>
      <c r="AJ157" s="1"/>
      <c r="AK157" s="1"/>
      <c r="AL157" s="1"/>
      <c r="AM157" s="1"/>
    </row>
    <row r="158" spans="3:39" ht="13.8" x14ac:dyDescent="0.3">
      <c r="C158" s="1"/>
      <c r="D158" s="1"/>
      <c r="E158" s="1"/>
      <c r="F158" s="1"/>
      <c r="G158" s="1"/>
      <c r="H158" s="1"/>
      <c r="I158" s="1"/>
      <c r="J158" s="1"/>
      <c r="K158" s="1"/>
      <c r="L158" s="1"/>
      <c r="M158" s="1"/>
      <c r="N158" s="1"/>
      <c r="O158" s="1"/>
      <c r="P158" s="1"/>
      <c r="Q158" s="1"/>
      <c r="R158" s="1"/>
      <c r="S158" s="1"/>
      <c r="T158" s="1"/>
      <c r="U158" s="1"/>
      <c r="V158" s="1"/>
      <c r="W158" s="1"/>
      <c r="X158" s="1"/>
      <c r="Y158" s="1"/>
      <c r="Z158" s="1"/>
      <c r="AA158" s="1"/>
      <c r="AB158" s="1"/>
      <c r="AC158" s="1"/>
      <c r="AD158" s="1"/>
      <c r="AE158" s="1"/>
      <c r="AF158" s="1"/>
      <c r="AG158" s="1"/>
      <c r="AH158" s="1"/>
      <c r="AI158" s="1"/>
      <c r="AJ158" s="1"/>
      <c r="AK158" s="1"/>
      <c r="AL158" s="1"/>
      <c r="AM158" s="1"/>
    </row>
    <row r="159" spans="3:39" ht="13.8" x14ac:dyDescent="0.3">
      <c r="C159" s="1"/>
      <c r="D159" s="1"/>
      <c r="E159" s="1"/>
      <c r="F159" s="1"/>
      <c r="G159" s="1"/>
      <c r="H159" s="1"/>
      <c r="I159" s="1"/>
      <c r="J159" s="1"/>
      <c r="K159" s="1"/>
      <c r="L159" s="1"/>
      <c r="M159" s="1"/>
      <c r="N159" s="1"/>
      <c r="O159" s="1"/>
      <c r="P159" s="1"/>
      <c r="Q159" s="1"/>
      <c r="R159" s="1"/>
      <c r="S159" s="1"/>
      <c r="T159" s="1"/>
      <c r="U159" s="1"/>
      <c r="V159" s="1"/>
      <c r="W159" s="1"/>
      <c r="X159" s="1"/>
      <c r="Y159" s="1"/>
      <c r="Z159" s="1"/>
      <c r="AA159" s="1"/>
      <c r="AB159" s="1"/>
      <c r="AC159" s="1"/>
      <c r="AD159" s="1"/>
      <c r="AE159" s="1"/>
      <c r="AF159" s="1"/>
      <c r="AG159" s="1"/>
      <c r="AH159" s="1"/>
      <c r="AI159" s="1"/>
      <c r="AJ159" s="1"/>
      <c r="AK159" s="1"/>
      <c r="AL159" s="1"/>
      <c r="AM159" s="1"/>
    </row>
    <row r="160" spans="3:39" ht="13.8" x14ac:dyDescent="0.3">
      <c r="C160" s="1"/>
      <c r="D160" s="1"/>
      <c r="E160" s="1"/>
      <c r="F160" s="1"/>
      <c r="G160" s="1"/>
      <c r="H160" s="1"/>
      <c r="I160" s="1"/>
      <c r="J160" s="1"/>
      <c r="K160" s="1"/>
      <c r="L160" s="1"/>
      <c r="M160" s="1"/>
      <c r="N160" s="1"/>
      <c r="O160" s="1"/>
      <c r="P160" s="1"/>
      <c r="Q160" s="1"/>
      <c r="R160" s="1"/>
      <c r="S160" s="1"/>
      <c r="T160" s="1"/>
      <c r="U160" s="1"/>
      <c r="V160" s="1"/>
      <c r="W160" s="1"/>
      <c r="X160" s="1"/>
      <c r="Y160" s="1"/>
      <c r="Z160" s="1"/>
      <c r="AA160" s="1"/>
      <c r="AB160" s="1"/>
      <c r="AC160" s="1"/>
      <c r="AD160" s="1"/>
      <c r="AE160" s="1"/>
      <c r="AF160" s="1"/>
      <c r="AG160" s="1"/>
      <c r="AH160" s="1"/>
      <c r="AI160" s="1"/>
      <c r="AJ160" s="1"/>
      <c r="AK160" s="1"/>
      <c r="AL160" s="1"/>
      <c r="AM160" s="1"/>
    </row>
    <row r="161" spans="3:39" ht="13.8" x14ac:dyDescent="0.3">
      <c r="C161" s="1"/>
      <c r="D161" s="1"/>
      <c r="E161" s="1"/>
      <c r="F161" s="1"/>
      <c r="G161" s="1"/>
      <c r="H161" s="1"/>
      <c r="I161" s="1"/>
      <c r="J161" s="1"/>
      <c r="K161" s="1"/>
      <c r="L161" s="1"/>
      <c r="M161" s="1"/>
      <c r="N161" s="1"/>
      <c r="O161" s="1"/>
      <c r="P161" s="1"/>
      <c r="Q161" s="1"/>
      <c r="R161" s="1"/>
      <c r="S161" s="1"/>
      <c r="T161" s="1"/>
      <c r="U161" s="1"/>
      <c r="V161" s="1"/>
      <c r="W161" s="1"/>
      <c r="X161" s="1"/>
      <c r="Y161" s="1"/>
      <c r="Z161" s="1"/>
      <c r="AA161" s="1"/>
      <c r="AB161" s="1"/>
      <c r="AC161" s="1"/>
      <c r="AD161" s="1"/>
      <c r="AE161" s="1"/>
      <c r="AF161" s="1"/>
      <c r="AG161" s="1"/>
      <c r="AH161" s="1"/>
      <c r="AI161" s="1"/>
      <c r="AJ161" s="1"/>
      <c r="AK161" s="1"/>
      <c r="AL161" s="1"/>
      <c r="AM161" s="1"/>
    </row>
    <row r="162" spans="3:39" ht="13.8" x14ac:dyDescent="0.3">
      <c r="C162" s="1"/>
      <c r="D162" s="1"/>
      <c r="E162" s="1"/>
      <c r="F162" s="1"/>
      <c r="G162" s="1"/>
      <c r="H162" s="1"/>
      <c r="I162" s="1"/>
      <c r="J162" s="1"/>
      <c r="K162" s="1"/>
      <c r="L162" s="1"/>
      <c r="M162" s="1"/>
      <c r="N162" s="1"/>
      <c r="O162" s="1"/>
      <c r="P162" s="1"/>
      <c r="Q162" s="1"/>
      <c r="R162" s="1"/>
      <c r="S162" s="1"/>
      <c r="T162" s="1"/>
      <c r="U162" s="1"/>
      <c r="V162" s="1"/>
      <c r="W162" s="1"/>
      <c r="X162" s="1"/>
      <c r="Y162" s="1"/>
      <c r="Z162" s="1"/>
      <c r="AA162" s="1"/>
      <c r="AB162" s="1"/>
      <c r="AC162" s="1"/>
      <c r="AD162" s="1"/>
      <c r="AE162" s="1"/>
      <c r="AF162" s="1"/>
      <c r="AG162" s="1"/>
      <c r="AH162" s="1"/>
      <c r="AI162" s="1"/>
      <c r="AJ162" s="1"/>
      <c r="AK162" s="1"/>
      <c r="AL162" s="1"/>
      <c r="AM162" s="1"/>
    </row>
    <row r="163" spans="3:39" ht="13.8" x14ac:dyDescent="0.3">
      <c r="C163" s="1"/>
      <c r="D163" s="1"/>
      <c r="E163" s="1"/>
      <c r="F163" s="1"/>
      <c r="G163" s="1"/>
      <c r="H163" s="1"/>
      <c r="I163" s="1"/>
      <c r="J163" s="1"/>
      <c r="K163" s="1"/>
      <c r="L163" s="1"/>
      <c r="M163" s="1"/>
      <c r="N163" s="1"/>
      <c r="O163" s="1"/>
      <c r="P163" s="1"/>
      <c r="Q163" s="1"/>
      <c r="R163" s="1"/>
      <c r="S163" s="1"/>
      <c r="T163" s="1"/>
      <c r="U163" s="1"/>
      <c r="V163" s="1"/>
      <c r="W163" s="1"/>
      <c r="X163" s="1"/>
      <c r="Y163" s="1"/>
      <c r="Z163" s="1"/>
      <c r="AA163" s="1"/>
      <c r="AB163" s="1"/>
      <c r="AC163" s="1"/>
      <c r="AD163" s="1"/>
      <c r="AE163" s="1"/>
      <c r="AF163" s="1"/>
      <c r="AG163" s="1"/>
      <c r="AH163" s="1"/>
      <c r="AI163" s="1"/>
      <c r="AJ163" s="1"/>
      <c r="AK163" s="1"/>
      <c r="AL163" s="1"/>
      <c r="AM163" s="1"/>
    </row>
    <row r="164" spans="3:39" ht="13.8" x14ac:dyDescent="0.3">
      <c r="C164" s="1"/>
      <c r="D164" s="1"/>
      <c r="E164" s="1"/>
      <c r="F164" s="1"/>
      <c r="G164" s="1"/>
      <c r="H164" s="1"/>
      <c r="I164" s="1"/>
      <c r="J164" s="1"/>
      <c r="K164" s="1"/>
      <c r="L164" s="1"/>
      <c r="M164" s="1"/>
      <c r="N164" s="1"/>
      <c r="O164" s="1"/>
      <c r="P164" s="1"/>
      <c r="Q164" s="1"/>
      <c r="R164" s="1"/>
      <c r="S164" s="1"/>
      <c r="T164" s="1"/>
      <c r="U164" s="1"/>
      <c r="V164" s="1"/>
      <c r="W164" s="1"/>
      <c r="X164" s="1"/>
      <c r="Y164" s="1"/>
      <c r="Z164" s="1"/>
      <c r="AA164" s="1"/>
      <c r="AB164" s="1"/>
      <c r="AC164" s="1"/>
      <c r="AD164" s="1"/>
      <c r="AE164" s="1"/>
      <c r="AF164" s="1"/>
      <c r="AG164" s="1"/>
      <c r="AH164" s="1"/>
      <c r="AI164" s="1"/>
      <c r="AJ164" s="1"/>
      <c r="AK164" s="1"/>
      <c r="AL164" s="1"/>
      <c r="AM164" s="1"/>
    </row>
    <row r="165" spans="3:39" ht="13.8" x14ac:dyDescent="0.3">
      <c r="C165" s="1"/>
      <c r="D165" s="1"/>
      <c r="E165" s="1"/>
      <c r="F165" s="1"/>
      <c r="G165" s="1"/>
      <c r="H165" s="1"/>
      <c r="I165" s="1"/>
      <c r="J165" s="1"/>
      <c r="K165" s="1"/>
      <c r="L165" s="1"/>
      <c r="M165" s="1"/>
      <c r="N165" s="1"/>
      <c r="O165" s="1"/>
      <c r="P165" s="1"/>
      <c r="Q165" s="1"/>
      <c r="R165" s="1"/>
      <c r="S165" s="1"/>
      <c r="T165" s="1"/>
      <c r="U165" s="1"/>
      <c r="V165" s="1"/>
      <c r="W165" s="1"/>
      <c r="X165" s="1"/>
      <c r="Y165" s="1"/>
      <c r="Z165" s="1"/>
      <c r="AA165" s="1"/>
      <c r="AB165" s="1"/>
      <c r="AC165" s="1"/>
      <c r="AD165" s="1"/>
      <c r="AE165" s="1"/>
      <c r="AF165" s="1"/>
      <c r="AG165" s="1"/>
      <c r="AH165" s="1"/>
      <c r="AI165" s="1"/>
      <c r="AJ165" s="1"/>
      <c r="AK165" s="1"/>
      <c r="AL165" s="1"/>
      <c r="AM165" s="1"/>
    </row>
    <row r="166" spans="3:39" ht="13.8" x14ac:dyDescent="0.3">
      <c r="C166" s="1"/>
      <c r="D166" s="1"/>
      <c r="E166" s="1"/>
      <c r="F166" s="1"/>
      <c r="G166" s="1"/>
      <c r="H166" s="1"/>
      <c r="I166" s="1"/>
      <c r="J166" s="1"/>
      <c r="K166" s="1"/>
      <c r="L166" s="1"/>
      <c r="M166" s="1"/>
      <c r="N166" s="1"/>
      <c r="O166" s="1"/>
      <c r="P166" s="1"/>
      <c r="Q166" s="1"/>
      <c r="R166" s="1"/>
      <c r="S166" s="1"/>
      <c r="T166" s="1"/>
      <c r="U166" s="1"/>
      <c r="V166" s="1"/>
      <c r="W166" s="1"/>
      <c r="X166" s="1"/>
      <c r="Y166" s="1"/>
      <c r="Z166" s="1"/>
      <c r="AA166" s="1"/>
      <c r="AB166" s="1"/>
      <c r="AC166" s="1"/>
      <c r="AD166" s="1"/>
      <c r="AE166" s="1"/>
      <c r="AF166" s="1"/>
      <c r="AG166" s="1"/>
      <c r="AH166" s="1"/>
      <c r="AI166" s="1"/>
      <c r="AJ166" s="1"/>
      <c r="AK166" s="1"/>
      <c r="AL166" s="1"/>
      <c r="AM166" s="1"/>
    </row>
    <row r="167" spans="3:39" ht="13.8" x14ac:dyDescent="0.3">
      <c r="C167" s="1"/>
      <c r="D167" s="1"/>
      <c r="E167" s="1"/>
      <c r="F167" s="1"/>
      <c r="G167" s="1"/>
      <c r="H167" s="1"/>
      <c r="I167" s="1"/>
      <c r="J167" s="1"/>
      <c r="K167" s="1"/>
      <c r="L167" s="1"/>
      <c r="M167" s="1"/>
      <c r="N167" s="1"/>
      <c r="O167" s="1"/>
      <c r="P167" s="1"/>
      <c r="Q167" s="1"/>
      <c r="R167" s="1"/>
      <c r="S167" s="1"/>
      <c r="T167" s="1"/>
      <c r="U167" s="1"/>
      <c r="V167" s="1"/>
      <c r="W167" s="1"/>
      <c r="X167" s="1"/>
      <c r="Y167" s="1"/>
      <c r="Z167" s="1"/>
      <c r="AA167" s="1"/>
      <c r="AB167" s="1"/>
      <c r="AC167" s="1"/>
      <c r="AD167" s="1"/>
      <c r="AE167" s="1"/>
      <c r="AF167" s="1"/>
      <c r="AG167" s="1"/>
      <c r="AH167" s="1"/>
      <c r="AI167" s="1"/>
      <c r="AJ167" s="1"/>
      <c r="AK167" s="1"/>
      <c r="AL167" s="1"/>
      <c r="AM167" s="1"/>
    </row>
    <row r="168" spans="3:39" ht="13.8" x14ac:dyDescent="0.3">
      <c r="C168" s="1"/>
      <c r="D168" s="1"/>
      <c r="E168" s="1"/>
      <c r="F168" s="1"/>
      <c r="G168" s="1"/>
      <c r="H168" s="1"/>
      <c r="I168" s="1"/>
      <c r="J168" s="1"/>
      <c r="K168" s="1"/>
      <c r="L168" s="1"/>
      <c r="M168" s="1"/>
      <c r="N168" s="1"/>
      <c r="O168" s="1"/>
      <c r="P168" s="1"/>
      <c r="Q168" s="1"/>
      <c r="R168" s="1"/>
      <c r="S168" s="1"/>
      <c r="T168" s="1"/>
      <c r="U168" s="1"/>
      <c r="V168" s="1"/>
      <c r="W168" s="1"/>
      <c r="X168" s="1"/>
      <c r="Y168" s="1"/>
      <c r="Z168" s="1"/>
      <c r="AA168" s="1"/>
      <c r="AB168" s="1"/>
      <c r="AC168" s="1"/>
      <c r="AD168" s="1"/>
      <c r="AE168" s="1"/>
      <c r="AF168" s="1"/>
      <c r="AG168" s="1"/>
      <c r="AH168" s="1"/>
      <c r="AI168" s="1"/>
      <c r="AJ168" s="1"/>
      <c r="AK168" s="1"/>
      <c r="AL168" s="1"/>
      <c r="AM168" s="1"/>
    </row>
    <row r="169" spans="3:39" ht="13.8" x14ac:dyDescent="0.3">
      <c r="C169" s="1"/>
      <c r="D169" s="1"/>
      <c r="E169" s="1"/>
      <c r="F169" s="1"/>
      <c r="G169" s="1"/>
      <c r="H169" s="1"/>
      <c r="I169" s="1"/>
      <c r="J169" s="1"/>
      <c r="K169" s="1"/>
      <c r="L169" s="1"/>
      <c r="M169" s="1"/>
      <c r="N169" s="1"/>
      <c r="O169" s="1"/>
      <c r="P169" s="1"/>
      <c r="Q169" s="1"/>
      <c r="R169" s="1"/>
      <c r="S169" s="1"/>
      <c r="T169" s="1"/>
      <c r="U169" s="1"/>
      <c r="V169" s="1"/>
      <c r="W169" s="1"/>
      <c r="X169" s="1"/>
      <c r="Y169" s="1"/>
      <c r="Z169" s="1"/>
      <c r="AA169" s="1"/>
      <c r="AB169" s="1"/>
      <c r="AC169" s="1"/>
      <c r="AD169" s="1"/>
      <c r="AE169" s="1"/>
      <c r="AF169" s="1"/>
      <c r="AG169" s="1"/>
      <c r="AH169" s="1"/>
      <c r="AI169" s="1"/>
      <c r="AJ169" s="1"/>
      <c r="AK169" s="1"/>
      <c r="AL169" s="1"/>
      <c r="AM169" s="1"/>
    </row>
    <row r="170" spans="3:39" ht="13.8" x14ac:dyDescent="0.3">
      <c r="C170" s="1"/>
      <c r="D170" s="1"/>
      <c r="E170" s="1"/>
      <c r="F170" s="1"/>
      <c r="G170" s="1"/>
      <c r="H170" s="1"/>
      <c r="I170" s="1"/>
      <c r="J170" s="1"/>
      <c r="K170" s="1"/>
      <c r="L170" s="1"/>
      <c r="M170" s="1"/>
      <c r="N170" s="1"/>
      <c r="O170" s="1"/>
      <c r="P170" s="1"/>
      <c r="Q170" s="1"/>
      <c r="R170" s="1"/>
      <c r="S170" s="1"/>
      <c r="T170" s="1"/>
      <c r="U170" s="1"/>
      <c r="V170" s="1"/>
      <c r="W170" s="1"/>
      <c r="X170" s="1"/>
      <c r="Y170" s="1"/>
      <c r="Z170" s="1"/>
      <c r="AA170" s="1"/>
      <c r="AB170" s="1"/>
      <c r="AC170" s="1"/>
      <c r="AD170" s="1"/>
      <c r="AE170" s="1"/>
      <c r="AF170" s="1"/>
      <c r="AG170" s="1"/>
      <c r="AH170" s="1"/>
      <c r="AI170" s="1"/>
      <c r="AJ170" s="1"/>
      <c r="AK170" s="1"/>
      <c r="AL170" s="1"/>
      <c r="AM170" s="1"/>
    </row>
    <row r="171" spans="3:39" ht="13.8" x14ac:dyDescent="0.3">
      <c r="C171" s="1"/>
      <c r="D171" s="1"/>
      <c r="E171" s="1"/>
      <c r="F171" s="1"/>
      <c r="G171" s="1"/>
      <c r="H171" s="1"/>
      <c r="I171" s="1"/>
      <c r="J171" s="1"/>
      <c r="K171" s="1"/>
      <c r="L171" s="1"/>
      <c r="M171" s="1"/>
      <c r="N171" s="1"/>
      <c r="O171" s="1"/>
      <c r="P171" s="1"/>
      <c r="Q171" s="1"/>
      <c r="R171" s="1"/>
      <c r="S171" s="1"/>
      <c r="T171" s="1"/>
      <c r="U171" s="1"/>
      <c r="V171" s="1"/>
      <c r="W171" s="1"/>
      <c r="X171" s="1"/>
      <c r="Y171" s="1"/>
      <c r="Z171" s="1"/>
      <c r="AA171" s="1"/>
      <c r="AB171" s="1"/>
      <c r="AC171" s="1"/>
      <c r="AD171" s="1"/>
      <c r="AE171" s="1"/>
      <c r="AF171" s="1"/>
      <c r="AG171" s="1"/>
      <c r="AH171" s="1"/>
      <c r="AI171" s="1"/>
      <c r="AJ171" s="1"/>
      <c r="AK171" s="1"/>
      <c r="AL171" s="1"/>
      <c r="AM171" s="1"/>
    </row>
    <row r="172" spans="3:39" ht="13.8" x14ac:dyDescent="0.3">
      <c r="C172" s="1"/>
      <c r="D172" s="1"/>
      <c r="E172" s="1"/>
      <c r="F172" s="1"/>
      <c r="G172" s="1"/>
      <c r="H172" s="1"/>
      <c r="I172" s="1"/>
      <c r="J172" s="1"/>
      <c r="K172" s="1"/>
      <c r="L172" s="1"/>
      <c r="M172" s="1"/>
      <c r="N172" s="1"/>
      <c r="O172" s="1"/>
      <c r="P172" s="1"/>
      <c r="Q172" s="1"/>
      <c r="R172" s="1"/>
      <c r="S172" s="1"/>
      <c r="T172" s="1"/>
      <c r="U172" s="1"/>
      <c r="V172" s="1"/>
      <c r="W172" s="1"/>
      <c r="X172" s="1"/>
      <c r="Y172" s="1"/>
      <c r="Z172" s="1"/>
      <c r="AA172" s="1"/>
      <c r="AB172" s="1"/>
      <c r="AC172" s="1"/>
      <c r="AD172" s="1"/>
      <c r="AE172" s="1"/>
      <c r="AF172" s="1"/>
      <c r="AG172" s="1"/>
      <c r="AH172" s="1"/>
      <c r="AI172" s="1"/>
      <c r="AJ172" s="1"/>
      <c r="AK172" s="1"/>
      <c r="AL172" s="1"/>
      <c r="AM172" s="1"/>
    </row>
    <row r="173" spans="3:39" ht="13.8" x14ac:dyDescent="0.3">
      <c r="C173" s="1"/>
      <c r="D173" s="1"/>
      <c r="E173" s="1"/>
      <c r="F173" s="1"/>
      <c r="G173" s="1"/>
      <c r="H173" s="1"/>
      <c r="I173" s="1"/>
      <c r="J173" s="1"/>
      <c r="K173" s="1"/>
      <c r="L173" s="1"/>
      <c r="M173" s="1"/>
      <c r="N173" s="1"/>
      <c r="O173" s="1"/>
      <c r="P173" s="1"/>
      <c r="Q173" s="1"/>
      <c r="R173" s="1"/>
      <c r="S173" s="1"/>
      <c r="T173" s="1"/>
      <c r="U173" s="1"/>
      <c r="V173" s="1"/>
      <c r="W173" s="1"/>
      <c r="X173" s="1"/>
      <c r="Y173" s="1"/>
      <c r="Z173" s="1"/>
      <c r="AA173" s="1"/>
      <c r="AB173" s="1"/>
      <c r="AC173" s="1"/>
      <c r="AD173" s="1"/>
      <c r="AE173" s="1"/>
      <c r="AF173" s="1"/>
      <c r="AG173" s="1"/>
      <c r="AH173" s="1"/>
      <c r="AI173" s="1"/>
      <c r="AJ173" s="1"/>
      <c r="AK173" s="1"/>
      <c r="AL173" s="1"/>
      <c r="AM173" s="1"/>
    </row>
    <row r="174" spans="3:39" ht="13.8" x14ac:dyDescent="0.3">
      <c r="C174" s="1"/>
      <c r="D174" s="1"/>
      <c r="E174" s="1"/>
      <c r="F174" s="1"/>
      <c r="G174" s="1"/>
      <c r="H174" s="1"/>
      <c r="I174" s="1"/>
      <c r="J174" s="1"/>
      <c r="K174" s="1"/>
      <c r="L174" s="1"/>
      <c r="M174" s="1"/>
      <c r="N174" s="1"/>
      <c r="O174" s="1"/>
      <c r="P174" s="1"/>
      <c r="Q174" s="1"/>
      <c r="R174" s="1"/>
      <c r="S174" s="1"/>
      <c r="T174" s="1"/>
      <c r="U174" s="1"/>
      <c r="V174" s="1"/>
      <c r="W174" s="1"/>
      <c r="X174" s="1"/>
      <c r="Y174" s="1"/>
      <c r="Z174" s="1"/>
      <c r="AA174" s="1"/>
      <c r="AB174" s="1"/>
      <c r="AC174" s="1"/>
      <c r="AD174" s="1"/>
      <c r="AE174" s="1"/>
      <c r="AF174" s="1"/>
      <c r="AG174" s="1"/>
      <c r="AH174" s="1"/>
      <c r="AI174" s="1"/>
      <c r="AJ174" s="1"/>
      <c r="AK174" s="1"/>
      <c r="AL174" s="1"/>
      <c r="AM174" s="1"/>
    </row>
    <row r="175" spans="3:39" ht="13.8" x14ac:dyDescent="0.3">
      <c r="C175" s="1"/>
      <c r="D175" s="1"/>
      <c r="E175" s="1"/>
      <c r="F175" s="1"/>
      <c r="G175" s="1"/>
      <c r="H175" s="1"/>
      <c r="I175" s="1"/>
      <c r="J175" s="1"/>
      <c r="K175" s="1"/>
      <c r="L175" s="1"/>
      <c r="M175" s="1"/>
      <c r="N175" s="1"/>
      <c r="O175" s="1"/>
      <c r="P175" s="1"/>
      <c r="Q175" s="1"/>
      <c r="R175" s="1"/>
      <c r="S175" s="1"/>
      <c r="T175" s="1"/>
      <c r="U175" s="1"/>
      <c r="V175" s="1"/>
      <c r="W175" s="1"/>
      <c r="X175" s="1"/>
      <c r="Y175" s="1"/>
      <c r="Z175" s="1"/>
      <c r="AA175" s="1"/>
      <c r="AB175" s="1"/>
      <c r="AC175" s="1"/>
      <c r="AD175" s="1"/>
      <c r="AE175" s="1"/>
      <c r="AF175" s="1"/>
      <c r="AG175" s="1"/>
      <c r="AH175" s="1"/>
      <c r="AI175" s="1"/>
      <c r="AJ175" s="1"/>
      <c r="AK175" s="1"/>
      <c r="AL175" s="1"/>
      <c r="AM175" s="1"/>
    </row>
    <row r="176" spans="3:39" ht="13.8" x14ac:dyDescent="0.3">
      <c r="C176" s="1"/>
      <c r="D176" s="1"/>
      <c r="E176" s="1"/>
      <c r="F176" s="1"/>
      <c r="G176" s="1"/>
      <c r="H176" s="1"/>
      <c r="I176" s="1"/>
      <c r="J176" s="1"/>
      <c r="K176" s="1"/>
      <c r="L176" s="1"/>
      <c r="M176" s="1"/>
      <c r="N176" s="1"/>
      <c r="O176" s="1"/>
      <c r="P176" s="1"/>
      <c r="Q176" s="1"/>
      <c r="R176" s="1"/>
      <c r="S176" s="1"/>
      <c r="T176" s="1"/>
      <c r="U176" s="1"/>
      <c r="V176" s="1"/>
      <c r="W176" s="1"/>
      <c r="X176" s="1"/>
      <c r="Y176" s="1"/>
      <c r="Z176" s="1"/>
      <c r="AA176" s="1"/>
      <c r="AB176" s="1"/>
      <c r="AC176" s="1"/>
      <c r="AD176" s="1"/>
      <c r="AE176" s="1"/>
      <c r="AF176" s="1"/>
      <c r="AG176" s="1"/>
      <c r="AH176" s="1"/>
      <c r="AI176" s="1"/>
      <c r="AJ176" s="1"/>
      <c r="AK176" s="1"/>
      <c r="AL176" s="1"/>
      <c r="AM176" s="1"/>
    </row>
    <row r="177" spans="3:39" ht="13.8" x14ac:dyDescent="0.3">
      <c r="C177" s="1"/>
      <c r="D177" s="1"/>
      <c r="E177" s="1"/>
      <c r="F177" s="1"/>
      <c r="G177" s="1"/>
      <c r="H177" s="1"/>
      <c r="I177" s="1"/>
      <c r="J177" s="1"/>
      <c r="K177" s="1"/>
      <c r="L177" s="1"/>
      <c r="M177" s="1"/>
      <c r="N177" s="1"/>
      <c r="O177" s="1"/>
      <c r="P177" s="1"/>
      <c r="Q177" s="1"/>
      <c r="R177" s="1"/>
      <c r="S177" s="1"/>
      <c r="T177" s="1"/>
      <c r="U177" s="1"/>
      <c r="V177" s="1"/>
      <c r="W177" s="1"/>
      <c r="X177" s="1"/>
      <c r="Y177" s="1"/>
      <c r="Z177" s="1"/>
      <c r="AA177" s="1"/>
      <c r="AB177" s="1"/>
      <c r="AC177" s="1"/>
      <c r="AD177" s="1"/>
      <c r="AE177" s="1"/>
      <c r="AF177" s="1"/>
      <c r="AG177" s="1"/>
      <c r="AH177" s="1"/>
      <c r="AI177" s="1"/>
      <c r="AJ177" s="1"/>
      <c r="AK177" s="1"/>
      <c r="AL177" s="1"/>
      <c r="AM177" s="1"/>
    </row>
    <row r="178" spans="3:39" ht="13.8" x14ac:dyDescent="0.3">
      <c r="C178" s="1"/>
      <c r="D178" s="1"/>
      <c r="E178" s="1"/>
      <c r="F178" s="1"/>
      <c r="G178" s="1"/>
      <c r="H178" s="1"/>
      <c r="I178" s="1"/>
      <c r="J178" s="1"/>
      <c r="K178" s="1"/>
      <c r="L178" s="1"/>
      <c r="M178" s="1"/>
      <c r="N178" s="1"/>
      <c r="O178" s="1"/>
      <c r="P178" s="1"/>
      <c r="Q178" s="1"/>
      <c r="R178" s="1"/>
      <c r="S178" s="1"/>
      <c r="T178" s="1"/>
      <c r="U178" s="1"/>
      <c r="V178" s="1"/>
      <c r="W178" s="1"/>
      <c r="X178" s="1"/>
      <c r="Y178" s="1"/>
      <c r="Z178" s="1"/>
      <c r="AA178" s="1"/>
      <c r="AB178" s="1"/>
      <c r="AC178" s="1"/>
      <c r="AD178" s="1"/>
      <c r="AE178" s="1"/>
      <c r="AF178" s="1"/>
      <c r="AG178" s="1"/>
      <c r="AH178" s="1"/>
      <c r="AI178" s="1"/>
      <c r="AJ178" s="1"/>
      <c r="AK178" s="1"/>
      <c r="AL178" s="1"/>
      <c r="AM178" s="1"/>
    </row>
    <row r="179" spans="3:39" ht="13.8" x14ac:dyDescent="0.3">
      <c r="C179" s="1"/>
      <c r="D179" s="1"/>
      <c r="E179" s="1"/>
      <c r="F179" s="1"/>
      <c r="G179" s="1"/>
      <c r="H179" s="1"/>
      <c r="I179" s="1"/>
      <c r="J179" s="1"/>
      <c r="K179" s="1"/>
      <c r="L179" s="1"/>
      <c r="M179" s="1"/>
      <c r="N179" s="1"/>
      <c r="O179" s="1"/>
      <c r="P179" s="1"/>
      <c r="Q179" s="1"/>
      <c r="R179" s="1"/>
      <c r="S179" s="1"/>
      <c r="T179" s="1"/>
      <c r="U179" s="1"/>
      <c r="V179" s="1"/>
      <c r="W179" s="1"/>
      <c r="X179" s="1"/>
      <c r="Y179" s="1"/>
      <c r="Z179" s="1"/>
      <c r="AA179" s="1"/>
      <c r="AB179" s="1"/>
      <c r="AC179" s="1"/>
      <c r="AD179" s="1"/>
      <c r="AE179" s="1"/>
      <c r="AF179" s="1"/>
      <c r="AG179" s="1"/>
      <c r="AH179" s="1"/>
      <c r="AI179" s="1"/>
      <c r="AJ179" s="1"/>
      <c r="AK179" s="1"/>
      <c r="AL179" s="1"/>
      <c r="AM179" s="1"/>
    </row>
    <row r="180" spans="3:39" ht="13.8" x14ac:dyDescent="0.3">
      <c r="C180" s="1"/>
      <c r="D180" s="1"/>
      <c r="E180" s="1"/>
      <c r="F180" s="1"/>
      <c r="G180" s="1"/>
      <c r="H180" s="1"/>
      <c r="I180" s="1"/>
      <c r="J180" s="1"/>
      <c r="K180" s="1"/>
      <c r="L180" s="1"/>
      <c r="M180" s="1"/>
      <c r="N180" s="1"/>
      <c r="O180" s="1"/>
      <c r="P180" s="1"/>
      <c r="Q180" s="1"/>
      <c r="R180" s="1"/>
      <c r="S180" s="1"/>
      <c r="T180" s="1"/>
      <c r="U180" s="1"/>
      <c r="V180" s="1"/>
      <c r="W180" s="1"/>
      <c r="X180" s="1"/>
      <c r="Y180" s="1"/>
      <c r="Z180" s="1"/>
      <c r="AA180" s="1"/>
      <c r="AB180" s="1"/>
      <c r="AC180" s="1"/>
      <c r="AD180" s="1"/>
      <c r="AE180" s="1"/>
      <c r="AF180" s="1"/>
      <c r="AG180" s="1"/>
      <c r="AH180" s="1"/>
      <c r="AI180" s="1"/>
      <c r="AJ180" s="1"/>
      <c r="AK180" s="1"/>
      <c r="AL180" s="1"/>
      <c r="AM180" s="1"/>
    </row>
    <row r="181" spans="3:39" ht="13.8" x14ac:dyDescent="0.3">
      <c r="C181" s="1"/>
      <c r="D181" s="1"/>
      <c r="E181" s="1"/>
      <c r="F181" s="1"/>
      <c r="G181" s="1"/>
      <c r="H181" s="1"/>
      <c r="I181" s="1"/>
      <c r="J181" s="1"/>
      <c r="K181" s="1"/>
      <c r="L181" s="1"/>
      <c r="M181" s="1"/>
      <c r="N181" s="1"/>
      <c r="O181" s="1"/>
      <c r="P181" s="1"/>
      <c r="Q181" s="1"/>
      <c r="R181" s="1"/>
      <c r="S181" s="1"/>
      <c r="T181" s="1"/>
      <c r="U181" s="1"/>
      <c r="V181" s="1"/>
      <c r="W181" s="1"/>
      <c r="X181" s="1"/>
      <c r="Y181" s="1"/>
      <c r="Z181" s="1"/>
      <c r="AA181" s="1"/>
      <c r="AB181" s="1"/>
      <c r="AC181" s="1"/>
      <c r="AD181" s="1"/>
      <c r="AE181" s="1"/>
      <c r="AF181" s="1"/>
      <c r="AG181" s="1"/>
      <c r="AH181" s="1"/>
      <c r="AI181" s="1"/>
      <c r="AJ181" s="1"/>
      <c r="AK181" s="1"/>
      <c r="AL181" s="1"/>
      <c r="AM181" s="1"/>
    </row>
    <row r="182" spans="3:39" ht="13.8" x14ac:dyDescent="0.3">
      <c r="C182" s="1"/>
      <c r="D182" s="1"/>
      <c r="E182" s="1"/>
      <c r="F182" s="1"/>
      <c r="G182" s="1"/>
      <c r="H182" s="1"/>
      <c r="I182" s="1"/>
      <c r="J182" s="1"/>
      <c r="K182" s="1"/>
      <c r="L182" s="1"/>
      <c r="M182" s="1"/>
      <c r="N182" s="1"/>
      <c r="O182" s="1"/>
      <c r="P182" s="1"/>
      <c r="Q182" s="1"/>
      <c r="R182" s="1"/>
      <c r="S182" s="1"/>
      <c r="T182" s="1"/>
      <c r="U182" s="1"/>
      <c r="V182" s="1"/>
      <c r="W182" s="1"/>
      <c r="X182" s="1"/>
      <c r="Y182" s="1"/>
      <c r="Z182" s="1"/>
      <c r="AA182" s="1"/>
      <c r="AB182" s="1"/>
      <c r="AC182" s="1"/>
      <c r="AD182" s="1"/>
      <c r="AE182" s="1"/>
      <c r="AF182" s="1"/>
      <c r="AG182" s="1"/>
      <c r="AH182" s="1"/>
      <c r="AI182" s="1"/>
      <c r="AJ182" s="1"/>
      <c r="AK182" s="1"/>
      <c r="AL182" s="1"/>
      <c r="AM182" s="1"/>
    </row>
    <row r="183" spans="3:39" ht="13.8" x14ac:dyDescent="0.3">
      <c r="C183" s="1"/>
      <c r="D183" s="1"/>
      <c r="E183" s="1"/>
      <c r="F183" s="1"/>
      <c r="G183" s="1"/>
      <c r="H183" s="1"/>
      <c r="I183" s="1"/>
      <c r="J183" s="1"/>
      <c r="K183" s="1"/>
      <c r="L183" s="1"/>
      <c r="M183" s="1"/>
      <c r="N183" s="1"/>
      <c r="O183" s="1"/>
      <c r="P183" s="1"/>
      <c r="Q183" s="1"/>
      <c r="R183" s="1"/>
      <c r="S183" s="1"/>
      <c r="T183" s="1"/>
      <c r="U183" s="1"/>
      <c r="V183" s="1"/>
      <c r="W183" s="1"/>
      <c r="X183" s="1"/>
      <c r="Y183" s="1"/>
      <c r="Z183" s="1"/>
      <c r="AA183" s="1"/>
      <c r="AB183" s="1"/>
      <c r="AC183" s="1"/>
      <c r="AD183" s="1"/>
      <c r="AE183" s="1"/>
      <c r="AF183" s="1"/>
      <c r="AG183" s="1"/>
      <c r="AH183" s="1"/>
      <c r="AI183" s="1"/>
      <c r="AJ183" s="1"/>
      <c r="AK183" s="1"/>
      <c r="AL183" s="1"/>
      <c r="AM183" s="1"/>
    </row>
    <row r="184" spans="3:39" ht="13.8" x14ac:dyDescent="0.3">
      <c r="C184" s="1"/>
      <c r="D184" s="1"/>
      <c r="E184" s="1"/>
      <c r="F184" s="1"/>
      <c r="G184" s="1"/>
      <c r="H184" s="1"/>
      <c r="I184" s="1"/>
      <c r="J184" s="1"/>
      <c r="K184" s="1"/>
      <c r="L184" s="1"/>
      <c r="M184" s="1"/>
      <c r="N184" s="1"/>
      <c r="O184" s="1"/>
      <c r="P184" s="1"/>
      <c r="Q184" s="1"/>
      <c r="R184" s="1"/>
      <c r="S184" s="1"/>
      <c r="T184" s="1"/>
      <c r="U184" s="1"/>
      <c r="V184" s="1"/>
      <c r="W184" s="1"/>
      <c r="X184" s="1"/>
      <c r="Y184" s="1"/>
      <c r="Z184" s="1"/>
      <c r="AA184" s="1"/>
      <c r="AB184" s="1"/>
      <c r="AC184" s="1"/>
      <c r="AD184" s="1"/>
      <c r="AE184" s="1"/>
      <c r="AF184" s="1"/>
      <c r="AG184" s="1"/>
      <c r="AH184" s="1"/>
      <c r="AI184" s="1"/>
      <c r="AJ184" s="1"/>
      <c r="AK184" s="1"/>
      <c r="AL184" s="1"/>
      <c r="AM184" s="1"/>
    </row>
    <row r="185" spans="3:39" ht="13.8" x14ac:dyDescent="0.3">
      <c r="C185" s="1"/>
      <c r="D185" s="1"/>
      <c r="E185" s="1"/>
      <c r="F185" s="1"/>
      <c r="G185" s="1"/>
      <c r="H185" s="1"/>
      <c r="I185" s="1"/>
      <c r="J185" s="1"/>
      <c r="K185" s="1"/>
      <c r="L185" s="1"/>
      <c r="M185" s="1"/>
      <c r="N185" s="1"/>
      <c r="O185" s="1"/>
      <c r="P185" s="1"/>
      <c r="Q185" s="1"/>
      <c r="R185" s="1"/>
      <c r="S185" s="1"/>
      <c r="T185" s="1"/>
      <c r="U185" s="1"/>
      <c r="V185" s="1"/>
      <c r="W185" s="1"/>
      <c r="X185" s="1"/>
      <c r="Y185" s="1"/>
      <c r="Z185" s="1"/>
      <c r="AA185" s="1"/>
      <c r="AB185" s="1"/>
      <c r="AC185" s="1"/>
      <c r="AD185" s="1"/>
      <c r="AE185" s="1"/>
      <c r="AF185" s="1"/>
      <c r="AG185" s="1"/>
      <c r="AH185" s="1"/>
      <c r="AI185" s="1"/>
      <c r="AJ185" s="1"/>
      <c r="AK185" s="1"/>
      <c r="AL185" s="1"/>
      <c r="AM185" s="1"/>
    </row>
    <row r="186" spans="3:39" ht="13.8" x14ac:dyDescent="0.3">
      <c r="C186" s="1"/>
      <c r="D186" s="1"/>
      <c r="E186" s="1"/>
      <c r="F186" s="1"/>
      <c r="G186" s="1"/>
      <c r="H186" s="1"/>
      <c r="I186" s="1"/>
      <c r="J186" s="1"/>
      <c r="K186" s="1"/>
      <c r="L186" s="1"/>
      <c r="M186" s="1"/>
      <c r="N186" s="1"/>
      <c r="O186" s="1"/>
      <c r="P186" s="1"/>
      <c r="Q186" s="1"/>
      <c r="R186" s="1"/>
      <c r="S186" s="1"/>
      <c r="T186" s="1"/>
      <c r="U186" s="1"/>
      <c r="V186" s="1"/>
      <c r="W186" s="1"/>
      <c r="X186" s="1"/>
      <c r="Y186" s="1"/>
      <c r="Z186" s="1"/>
      <c r="AA186" s="1"/>
      <c r="AB186" s="1"/>
      <c r="AC186" s="1"/>
      <c r="AD186" s="1"/>
      <c r="AE186" s="1"/>
      <c r="AF186" s="1"/>
      <c r="AG186" s="1"/>
      <c r="AH186" s="1"/>
      <c r="AI186" s="1"/>
      <c r="AJ186" s="1"/>
      <c r="AK186" s="1"/>
      <c r="AL186" s="1"/>
      <c r="AM186" s="1"/>
    </row>
    <row r="187" spans="3:39" ht="13.8" x14ac:dyDescent="0.3">
      <c r="C187" s="1"/>
      <c r="D187" s="1"/>
      <c r="E187" s="1"/>
      <c r="F187" s="1"/>
      <c r="G187" s="1"/>
      <c r="H187" s="1"/>
      <c r="I187" s="1"/>
      <c r="J187" s="1"/>
      <c r="K187" s="1"/>
      <c r="L187" s="1"/>
      <c r="M187" s="1"/>
      <c r="N187" s="1"/>
      <c r="O187" s="1"/>
      <c r="P187" s="1"/>
      <c r="Q187" s="1"/>
      <c r="R187" s="1"/>
      <c r="S187" s="1"/>
      <c r="T187" s="1"/>
      <c r="U187" s="1"/>
      <c r="V187" s="1"/>
      <c r="W187" s="1"/>
      <c r="X187" s="1"/>
      <c r="Y187" s="1"/>
      <c r="Z187" s="1"/>
      <c r="AA187" s="1"/>
      <c r="AB187" s="1"/>
      <c r="AC187" s="1"/>
      <c r="AD187" s="1"/>
      <c r="AE187" s="1"/>
      <c r="AF187" s="1"/>
      <c r="AG187" s="1"/>
      <c r="AH187" s="1"/>
      <c r="AI187" s="1"/>
      <c r="AJ187" s="1"/>
      <c r="AK187" s="1"/>
      <c r="AL187" s="1"/>
      <c r="AM187" s="1"/>
    </row>
    <row r="188" spans="3:39" ht="13.8" x14ac:dyDescent="0.3">
      <c r="C188" s="1"/>
      <c r="D188" s="1"/>
      <c r="E188" s="1"/>
      <c r="F188" s="1"/>
      <c r="G188" s="1"/>
      <c r="H188" s="1"/>
      <c r="I188" s="1"/>
      <c r="J188" s="1"/>
      <c r="K188" s="1"/>
      <c r="L188" s="1"/>
      <c r="M188" s="1"/>
      <c r="N188" s="1"/>
      <c r="O188" s="1"/>
      <c r="P188" s="1"/>
      <c r="Q188" s="1"/>
      <c r="R188" s="1"/>
      <c r="S188" s="1"/>
      <c r="T188" s="1"/>
      <c r="U188" s="1"/>
      <c r="V188" s="1"/>
      <c r="W188" s="1"/>
      <c r="X188" s="1"/>
      <c r="Y188" s="1"/>
      <c r="Z188" s="1"/>
      <c r="AA188" s="1"/>
      <c r="AB188" s="1"/>
      <c r="AC188" s="1"/>
      <c r="AD188" s="1"/>
      <c r="AE188" s="1"/>
      <c r="AF188" s="1"/>
      <c r="AG188" s="1"/>
      <c r="AH188" s="1"/>
      <c r="AI188" s="1"/>
      <c r="AJ188" s="1"/>
      <c r="AK188" s="1"/>
      <c r="AL188" s="1"/>
      <c r="AM188" s="1"/>
    </row>
    <row r="189" spans="3:39" ht="13.8" x14ac:dyDescent="0.3">
      <c r="C189" s="1"/>
      <c r="D189" s="1"/>
      <c r="E189" s="1"/>
      <c r="F189" s="1"/>
      <c r="G189" s="1"/>
      <c r="H189" s="1"/>
      <c r="I189" s="1"/>
      <c r="J189" s="1"/>
      <c r="K189" s="1"/>
      <c r="L189" s="1"/>
      <c r="M189" s="1"/>
      <c r="N189" s="1"/>
      <c r="O189" s="1"/>
      <c r="P189" s="1"/>
      <c r="Q189" s="1"/>
      <c r="R189" s="1"/>
      <c r="S189" s="1"/>
      <c r="T189" s="1"/>
      <c r="U189" s="1"/>
      <c r="V189" s="1"/>
      <c r="W189" s="1"/>
      <c r="X189" s="1"/>
      <c r="Y189" s="1"/>
      <c r="Z189" s="1"/>
      <c r="AA189" s="1"/>
      <c r="AB189" s="1"/>
      <c r="AC189" s="1"/>
      <c r="AD189" s="1"/>
      <c r="AE189" s="1"/>
      <c r="AF189" s="1"/>
      <c r="AG189" s="1"/>
      <c r="AH189" s="1"/>
      <c r="AI189" s="1"/>
      <c r="AJ189" s="1"/>
      <c r="AK189" s="1"/>
      <c r="AL189" s="1"/>
      <c r="AM189" s="1"/>
    </row>
    <row r="190" spans="3:39" ht="13.8" x14ac:dyDescent="0.3">
      <c r="C190" s="1"/>
      <c r="D190" s="1"/>
      <c r="E190" s="1"/>
      <c r="F190" s="1"/>
      <c r="G190" s="1"/>
      <c r="H190" s="1"/>
      <c r="I190" s="1"/>
      <c r="J190" s="1"/>
      <c r="K190" s="1"/>
      <c r="L190" s="1"/>
      <c r="M190" s="1"/>
      <c r="N190" s="1"/>
      <c r="O190" s="1"/>
      <c r="P190" s="1"/>
      <c r="Q190" s="1"/>
      <c r="R190" s="1"/>
      <c r="S190" s="1"/>
      <c r="T190" s="1"/>
      <c r="U190" s="1"/>
      <c r="V190" s="1"/>
      <c r="W190" s="1"/>
      <c r="X190" s="1"/>
      <c r="Y190" s="1"/>
      <c r="Z190" s="1"/>
      <c r="AA190" s="1"/>
      <c r="AB190" s="1"/>
      <c r="AC190" s="1"/>
      <c r="AD190" s="1"/>
      <c r="AE190" s="1"/>
      <c r="AF190" s="1"/>
      <c r="AG190" s="1"/>
      <c r="AH190" s="1"/>
      <c r="AI190" s="1"/>
      <c r="AJ190" s="1"/>
      <c r="AK190" s="1"/>
      <c r="AL190" s="1"/>
      <c r="AM190" s="1"/>
    </row>
    <row r="191" spans="3:39" ht="13.8" x14ac:dyDescent="0.3">
      <c r="C191" s="1"/>
      <c r="D191" s="1"/>
      <c r="E191" s="1"/>
      <c r="F191" s="1"/>
      <c r="G191" s="1"/>
      <c r="H191" s="1"/>
      <c r="I191" s="1"/>
      <c r="J191" s="1"/>
      <c r="K191" s="1"/>
      <c r="L191" s="1"/>
      <c r="M191" s="1"/>
      <c r="N191" s="1"/>
      <c r="O191" s="1"/>
      <c r="P191" s="1"/>
      <c r="Q191" s="1"/>
      <c r="R191" s="1"/>
      <c r="S191" s="1"/>
      <c r="T191" s="1"/>
      <c r="U191" s="1"/>
      <c r="V191" s="1"/>
      <c r="W191" s="1"/>
      <c r="X191" s="1"/>
      <c r="Y191" s="1"/>
      <c r="Z191" s="1"/>
      <c r="AA191" s="1"/>
      <c r="AB191" s="1"/>
      <c r="AC191" s="1"/>
      <c r="AD191" s="1"/>
      <c r="AE191" s="1"/>
      <c r="AF191" s="1"/>
      <c r="AG191" s="1"/>
      <c r="AH191" s="1"/>
      <c r="AI191" s="1"/>
      <c r="AJ191" s="1"/>
      <c r="AK191" s="1"/>
      <c r="AL191" s="1"/>
      <c r="AM191" s="1"/>
    </row>
    <row r="192" spans="3:39" ht="13.8" x14ac:dyDescent="0.3">
      <c r="C192" s="1"/>
      <c r="D192" s="1"/>
      <c r="E192" s="1"/>
      <c r="F192" s="1"/>
      <c r="G192" s="1"/>
      <c r="H192" s="1"/>
      <c r="I192" s="1"/>
      <c r="J192" s="1"/>
      <c r="K192" s="1"/>
      <c r="L192" s="1"/>
      <c r="M192" s="1"/>
      <c r="N192" s="1"/>
      <c r="O192" s="1"/>
      <c r="P192" s="1"/>
      <c r="Q192" s="1"/>
      <c r="R192" s="1"/>
      <c r="S192" s="1"/>
      <c r="T192" s="1"/>
      <c r="U192" s="1"/>
      <c r="V192" s="1"/>
      <c r="W192" s="1"/>
      <c r="X192" s="1"/>
      <c r="Y192" s="1"/>
      <c r="Z192" s="1"/>
      <c r="AA192" s="1"/>
      <c r="AB192" s="1"/>
      <c r="AC192" s="1"/>
      <c r="AD192" s="1"/>
      <c r="AE192" s="1"/>
      <c r="AF192" s="1"/>
      <c r="AG192" s="1"/>
      <c r="AH192" s="1"/>
      <c r="AI192" s="1"/>
      <c r="AJ192" s="1"/>
      <c r="AK192" s="1"/>
      <c r="AL192" s="1"/>
      <c r="AM192" s="1"/>
    </row>
    <row r="193" spans="3:39" ht="13.8" x14ac:dyDescent="0.3">
      <c r="C193" s="1"/>
      <c r="D193" s="1"/>
      <c r="E193" s="1"/>
      <c r="F193" s="1"/>
      <c r="G193" s="1"/>
      <c r="H193" s="1"/>
      <c r="I193" s="1"/>
      <c r="J193" s="1"/>
      <c r="K193" s="1"/>
      <c r="L193" s="1"/>
      <c r="M193" s="1"/>
      <c r="N193" s="1"/>
      <c r="O193" s="1"/>
      <c r="P193" s="1"/>
      <c r="Q193" s="1"/>
      <c r="R193" s="1"/>
      <c r="S193" s="1"/>
      <c r="T193" s="1"/>
      <c r="U193" s="1"/>
      <c r="V193" s="1"/>
      <c r="W193" s="1"/>
      <c r="X193" s="1"/>
      <c r="Y193" s="1"/>
      <c r="Z193" s="1"/>
      <c r="AA193" s="1"/>
      <c r="AB193" s="1"/>
      <c r="AC193" s="1"/>
      <c r="AD193" s="1"/>
      <c r="AE193" s="1"/>
      <c r="AF193" s="1"/>
      <c r="AG193" s="1"/>
      <c r="AH193" s="1"/>
      <c r="AI193" s="1"/>
      <c r="AJ193" s="1"/>
      <c r="AK193" s="1"/>
      <c r="AL193" s="1"/>
      <c r="AM193" s="1"/>
    </row>
    <row r="194" spans="3:39" ht="13.8" x14ac:dyDescent="0.3">
      <c r="C194" s="1"/>
      <c r="D194" s="1"/>
      <c r="E194" s="1"/>
      <c r="F194" s="1"/>
      <c r="G194" s="1"/>
      <c r="H194" s="1"/>
      <c r="I194" s="1"/>
      <c r="J194" s="1"/>
      <c r="K194" s="1"/>
      <c r="L194" s="1"/>
      <c r="M194" s="1"/>
      <c r="N194" s="1"/>
      <c r="O194" s="1"/>
      <c r="P194" s="1"/>
      <c r="Q194" s="1"/>
      <c r="R194" s="1"/>
      <c r="S194" s="1"/>
      <c r="T194" s="1"/>
      <c r="U194" s="1"/>
      <c r="V194" s="1"/>
      <c r="W194" s="1"/>
      <c r="X194" s="1"/>
      <c r="Y194" s="1"/>
      <c r="Z194" s="1"/>
      <c r="AA194" s="1"/>
      <c r="AB194" s="1"/>
      <c r="AC194" s="1"/>
      <c r="AD194" s="1"/>
      <c r="AE194" s="1"/>
      <c r="AF194" s="1"/>
      <c r="AG194" s="1"/>
      <c r="AH194" s="1"/>
      <c r="AI194" s="1"/>
      <c r="AJ194" s="1"/>
      <c r="AK194" s="1"/>
      <c r="AL194" s="1"/>
      <c r="AM194" s="1"/>
    </row>
    <row r="195" spans="3:39" ht="13.8" x14ac:dyDescent="0.3">
      <c r="C195" s="1"/>
      <c r="D195" s="1"/>
      <c r="E195" s="1"/>
      <c r="F195" s="1"/>
      <c r="G195" s="1"/>
      <c r="H195" s="1"/>
      <c r="I195" s="1"/>
      <c r="J195" s="1"/>
      <c r="K195" s="1"/>
      <c r="L195" s="1"/>
      <c r="M195" s="1"/>
      <c r="N195" s="1"/>
      <c r="O195" s="1"/>
      <c r="P195" s="1"/>
      <c r="Q195" s="1"/>
      <c r="R195" s="1"/>
      <c r="S195" s="1"/>
      <c r="T195" s="1"/>
      <c r="U195" s="1"/>
      <c r="V195" s="1"/>
      <c r="W195" s="1"/>
      <c r="X195" s="1"/>
      <c r="Y195" s="1"/>
      <c r="Z195" s="1"/>
      <c r="AA195" s="1"/>
      <c r="AB195" s="1"/>
      <c r="AC195" s="1"/>
      <c r="AD195" s="1"/>
      <c r="AE195" s="1"/>
      <c r="AF195" s="1"/>
      <c r="AG195" s="1"/>
      <c r="AH195" s="1"/>
      <c r="AI195" s="1"/>
      <c r="AJ195" s="1"/>
      <c r="AK195" s="1"/>
      <c r="AL195" s="1"/>
      <c r="AM195" s="1"/>
    </row>
    <row r="196" spans="3:39" ht="13.8" x14ac:dyDescent="0.3">
      <c r="C196" s="1"/>
      <c r="D196" s="1"/>
      <c r="E196" s="1"/>
      <c r="F196" s="1"/>
      <c r="G196" s="1"/>
      <c r="H196" s="1"/>
      <c r="I196" s="1"/>
      <c r="J196" s="1"/>
      <c r="K196" s="1"/>
      <c r="L196" s="1"/>
      <c r="M196" s="1"/>
      <c r="N196" s="1"/>
      <c r="O196" s="1"/>
      <c r="P196" s="1"/>
      <c r="Q196" s="1"/>
      <c r="R196" s="1"/>
      <c r="S196" s="1"/>
      <c r="T196" s="1"/>
      <c r="U196" s="1"/>
      <c r="V196" s="1"/>
      <c r="W196" s="1"/>
      <c r="X196" s="1"/>
      <c r="Y196" s="1"/>
      <c r="Z196" s="1"/>
      <c r="AA196" s="1"/>
      <c r="AB196" s="1"/>
      <c r="AC196" s="1"/>
      <c r="AD196" s="1"/>
      <c r="AE196" s="1"/>
      <c r="AF196" s="1"/>
      <c r="AG196" s="1"/>
      <c r="AH196" s="1"/>
      <c r="AI196" s="1"/>
      <c r="AJ196" s="1"/>
      <c r="AK196" s="1"/>
      <c r="AL196" s="1"/>
      <c r="AM196" s="1"/>
    </row>
    <row r="197" spans="3:39" ht="13.8" x14ac:dyDescent="0.3">
      <c r="C197" s="1"/>
      <c r="D197" s="1"/>
      <c r="E197" s="1"/>
      <c r="F197" s="1"/>
      <c r="G197" s="1"/>
      <c r="H197" s="1"/>
      <c r="I197" s="1"/>
      <c r="J197" s="1"/>
      <c r="K197" s="1"/>
      <c r="L197" s="1"/>
      <c r="M197" s="1"/>
      <c r="N197" s="1"/>
      <c r="O197" s="1"/>
      <c r="P197" s="1"/>
      <c r="Q197" s="1"/>
      <c r="R197" s="1"/>
      <c r="S197" s="1"/>
      <c r="T197" s="1"/>
      <c r="U197" s="1"/>
      <c r="V197" s="1"/>
      <c r="W197" s="1"/>
      <c r="X197" s="1"/>
      <c r="Y197" s="1"/>
      <c r="Z197" s="1"/>
      <c r="AA197" s="1"/>
      <c r="AB197" s="1"/>
      <c r="AC197" s="1"/>
      <c r="AD197" s="1"/>
      <c r="AE197" s="1"/>
      <c r="AF197" s="1"/>
      <c r="AG197" s="1"/>
      <c r="AH197" s="1"/>
      <c r="AI197" s="1"/>
      <c r="AJ197" s="1"/>
      <c r="AK197" s="1"/>
      <c r="AL197" s="1"/>
      <c r="AM197" s="1"/>
    </row>
    <row r="198" spans="3:39" ht="13.8" x14ac:dyDescent="0.3">
      <c r="C198" s="1"/>
      <c r="D198" s="1"/>
      <c r="E198" s="1"/>
      <c r="F198" s="1"/>
      <c r="G198" s="1"/>
      <c r="H198" s="1"/>
      <c r="I198" s="1"/>
      <c r="J198" s="1"/>
      <c r="K198" s="1"/>
      <c r="L198" s="1"/>
      <c r="M198" s="1"/>
      <c r="N198" s="1"/>
      <c r="O198" s="1"/>
      <c r="P198" s="1"/>
      <c r="Q198" s="1"/>
      <c r="R198" s="1"/>
      <c r="S198" s="1"/>
      <c r="T198" s="1"/>
      <c r="U198" s="1"/>
      <c r="V198" s="1"/>
      <c r="W198" s="1"/>
      <c r="X198" s="1"/>
      <c r="Y198" s="1"/>
      <c r="Z198" s="1"/>
      <c r="AA198" s="1"/>
      <c r="AB198" s="1"/>
      <c r="AC198" s="1"/>
      <c r="AD198" s="1"/>
      <c r="AE198" s="1"/>
      <c r="AF198" s="1"/>
      <c r="AG198" s="1"/>
      <c r="AH198" s="1"/>
      <c r="AI198" s="1"/>
      <c r="AJ198" s="1"/>
      <c r="AK198" s="1"/>
      <c r="AL198" s="1"/>
      <c r="AM198" s="1"/>
    </row>
    <row r="199" spans="3:39" ht="13.8" x14ac:dyDescent="0.3">
      <c r="C199" s="1"/>
      <c r="D199" s="1"/>
      <c r="E199" s="1"/>
      <c r="F199" s="1"/>
      <c r="G199" s="1"/>
      <c r="H199" s="1"/>
      <c r="I199" s="1"/>
      <c r="J199" s="1"/>
      <c r="K199" s="1"/>
      <c r="L199" s="1"/>
      <c r="M199" s="1"/>
      <c r="N199" s="1"/>
      <c r="O199" s="1"/>
      <c r="P199" s="1"/>
      <c r="Q199" s="1"/>
      <c r="R199" s="1"/>
      <c r="S199" s="1"/>
      <c r="T199" s="1"/>
      <c r="U199" s="1"/>
      <c r="V199" s="1"/>
      <c r="W199" s="1"/>
      <c r="X199" s="1"/>
      <c r="Y199" s="1"/>
      <c r="Z199" s="1"/>
      <c r="AA199" s="1"/>
      <c r="AB199" s="1"/>
      <c r="AC199" s="1"/>
      <c r="AD199" s="1"/>
      <c r="AE199" s="1"/>
      <c r="AF199" s="1"/>
      <c r="AG199" s="1"/>
      <c r="AH199" s="1"/>
      <c r="AI199" s="1"/>
      <c r="AJ199" s="1"/>
      <c r="AK199" s="1"/>
      <c r="AL199" s="1"/>
      <c r="AM199" s="1"/>
    </row>
    <row r="200" spans="3:39" ht="13.8" x14ac:dyDescent="0.3">
      <c r="C200" s="1"/>
      <c r="D200" s="1"/>
      <c r="E200" s="1"/>
      <c r="F200" s="1"/>
      <c r="G200" s="1"/>
      <c r="H200" s="1"/>
      <c r="I200" s="1"/>
      <c r="J200" s="1"/>
      <c r="K200" s="1"/>
      <c r="L200" s="1"/>
      <c r="M200" s="1"/>
      <c r="N200" s="1"/>
      <c r="O200" s="1"/>
      <c r="P200" s="1"/>
      <c r="Q200" s="1"/>
      <c r="R200" s="1"/>
      <c r="S200" s="1"/>
      <c r="T200" s="1"/>
      <c r="U200" s="1"/>
      <c r="V200" s="1"/>
      <c r="W200" s="1"/>
      <c r="X200" s="1"/>
      <c r="Y200" s="1"/>
      <c r="Z200" s="1"/>
      <c r="AA200" s="1"/>
      <c r="AB200" s="1"/>
      <c r="AC200" s="1"/>
      <c r="AD200" s="1"/>
      <c r="AE200" s="1"/>
      <c r="AF200" s="1"/>
      <c r="AG200" s="1"/>
      <c r="AH200" s="1"/>
      <c r="AI200" s="1"/>
      <c r="AJ200" s="1"/>
      <c r="AK200" s="1"/>
      <c r="AL200" s="1"/>
      <c r="AM200" s="1"/>
    </row>
    <row r="201" spans="3:39" ht="13.8" x14ac:dyDescent="0.3">
      <c r="C201" s="1"/>
      <c r="D201" s="1"/>
      <c r="E201" s="1"/>
      <c r="F201" s="1"/>
      <c r="G201" s="1"/>
      <c r="H201" s="1"/>
      <c r="I201" s="1"/>
      <c r="J201" s="1"/>
      <c r="K201" s="1"/>
      <c r="L201" s="1"/>
      <c r="M201" s="1"/>
      <c r="N201" s="1"/>
      <c r="O201" s="1"/>
      <c r="P201" s="1"/>
      <c r="Q201" s="1"/>
      <c r="R201" s="1"/>
      <c r="S201" s="1"/>
      <c r="T201" s="1"/>
      <c r="U201" s="1"/>
      <c r="V201" s="1"/>
      <c r="W201" s="1"/>
      <c r="X201" s="1"/>
      <c r="Y201" s="1"/>
      <c r="Z201" s="1"/>
      <c r="AA201" s="1"/>
      <c r="AB201" s="1"/>
      <c r="AC201" s="1"/>
      <c r="AD201" s="1"/>
      <c r="AE201" s="1"/>
      <c r="AF201" s="1"/>
      <c r="AG201" s="1"/>
      <c r="AH201" s="1"/>
      <c r="AI201" s="1"/>
      <c r="AJ201" s="1"/>
      <c r="AK201" s="1"/>
      <c r="AL201" s="1"/>
      <c r="AM201" s="1"/>
    </row>
    <row r="202" spans="3:39" ht="13.8" x14ac:dyDescent="0.3">
      <c r="C202" s="1"/>
      <c r="D202" s="1"/>
      <c r="E202" s="1"/>
      <c r="F202" s="1"/>
      <c r="G202" s="1"/>
      <c r="H202" s="1"/>
      <c r="I202" s="1"/>
      <c r="J202" s="1"/>
      <c r="K202" s="1"/>
      <c r="L202" s="1"/>
      <c r="M202" s="1"/>
      <c r="N202" s="1"/>
      <c r="O202" s="1"/>
      <c r="P202" s="1"/>
      <c r="Q202" s="1"/>
      <c r="R202" s="1"/>
      <c r="S202" s="1"/>
      <c r="T202" s="1"/>
      <c r="U202" s="1"/>
      <c r="V202" s="1"/>
      <c r="W202" s="1"/>
      <c r="X202" s="1"/>
      <c r="Y202" s="1"/>
      <c r="Z202" s="1"/>
      <c r="AA202" s="1"/>
      <c r="AB202" s="1"/>
      <c r="AC202" s="1"/>
      <c r="AD202" s="1"/>
      <c r="AE202" s="1"/>
      <c r="AF202" s="1"/>
      <c r="AG202" s="1"/>
      <c r="AH202" s="1"/>
      <c r="AI202" s="1"/>
      <c r="AJ202" s="1"/>
      <c r="AK202" s="1"/>
      <c r="AL202" s="1"/>
      <c r="AM202" s="1"/>
    </row>
    <row r="203" spans="3:39" ht="13.8" x14ac:dyDescent="0.3">
      <c r="C203" s="1"/>
      <c r="D203" s="1"/>
      <c r="E203" s="1"/>
      <c r="F203" s="1"/>
      <c r="G203" s="1"/>
      <c r="H203" s="1"/>
      <c r="I203" s="1"/>
      <c r="J203" s="1"/>
      <c r="K203" s="1"/>
      <c r="L203" s="1"/>
      <c r="M203" s="1"/>
      <c r="N203" s="1"/>
      <c r="O203" s="1"/>
      <c r="P203" s="1"/>
      <c r="Q203" s="1"/>
      <c r="R203" s="1"/>
      <c r="S203" s="1"/>
      <c r="T203" s="1"/>
      <c r="U203" s="1"/>
      <c r="V203" s="1"/>
      <c r="W203" s="1"/>
      <c r="X203" s="1"/>
      <c r="Y203" s="1"/>
      <c r="Z203" s="1"/>
      <c r="AA203" s="1"/>
      <c r="AB203" s="1"/>
      <c r="AC203" s="1"/>
      <c r="AD203" s="1"/>
      <c r="AE203" s="1"/>
      <c r="AF203" s="1"/>
      <c r="AG203" s="1"/>
      <c r="AH203" s="1"/>
      <c r="AI203" s="1"/>
      <c r="AJ203" s="1"/>
      <c r="AK203" s="1"/>
      <c r="AL203" s="1"/>
      <c r="AM203" s="1"/>
    </row>
    <row r="204" spans="3:39" ht="13.8" x14ac:dyDescent="0.3">
      <c r="C204" s="1"/>
      <c r="D204" s="1"/>
      <c r="E204" s="1"/>
      <c r="F204" s="1"/>
      <c r="G204" s="1"/>
      <c r="H204" s="1"/>
      <c r="I204" s="1"/>
      <c r="J204" s="1"/>
      <c r="K204" s="1"/>
      <c r="L204" s="1"/>
      <c r="M204" s="1"/>
      <c r="N204" s="1"/>
      <c r="O204" s="1"/>
      <c r="P204" s="1"/>
      <c r="Q204" s="1"/>
      <c r="R204" s="1"/>
      <c r="S204" s="1"/>
      <c r="T204" s="1"/>
      <c r="U204" s="1"/>
      <c r="V204" s="1"/>
      <c r="W204" s="1"/>
      <c r="X204" s="1"/>
      <c r="Y204" s="1"/>
      <c r="Z204" s="1"/>
      <c r="AA204" s="1"/>
      <c r="AB204" s="1"/>
      <c r="AC204" s="1"/>
      <c r="AD204" s="1"/>
      <c r="AE204" s="1"/>
      <c r="AF204" s="1"/>
      <c r="AG204" s="1"/>
      <c r="AH204" s="1"/>
      <c r="AI204" s="1"/>
      <c r="AJ204" s="1"/>
      <c r="AK204" s="1"/>
      <c r="AL204" s="1"/>
      <c r="AM204" s="1"/>
    </row>
    <row r="205" spans="3:39" ht="13.8" x14ac:dyDescent="0.3">
      <c r="C205" s="1"/>
      <c r="D205" s="1"/>
      <c r="E205" s="1"/>
      <c r="F205" s="1"/>
      <c r="G205" s="1"/>
      <c r="H205" s="1"/>
      <c r="I205" s="1"/>
      <c r="J205" s="1"/>
      <c r="K205" s="1"/>
      <c r="L205" s="1"/>
      <c r="M205" s="1"/>
      <c r="N205" s="1"/>
      <c r="O205" s="1"/>
      <c r="P205" s="1"/>
      <c r="Q205" s="1"/>
      <c r="R205" s="1"/>
      <c r="S205" s="1"/>
      <c r="T205" s="1"/>
      <c r="U205" s="1"/>
      <c r="V205" s="1"/>
      <c r="W205" s="1"/>
      <c r="X205" s="1"/>
      <c r="Y205" s="1"/>
      <c r="Z205" s="1"/>
      <c r="AA205" s="1"/>
      <c r="AB205" s="1"/>
      <c r="AC205" s="1"/>
      <c r="AD205" s="1"/>
      <c r="AE205" s="1"/>
      <c r="AF205" s="1"/>
      <c r="AG205" s="1"/>
      <c r="AH205" s="1"/>
      <c r="AI205" s="1"/>
      <c r="AJ205" s="1"/>
      <c r="AK205" s="1"/>
      <c r="AL205" s="1"/>
      <c r="AM205" s="1"/>
    </row>
    <row r="206" spans="3:39" ht="13.8" x14ac:dyDescent="0.3">
      <c r="C206" s="1"/>
      <c r="D206" s="1"/>
      <c r="E206" s="1"/>
      <c r="F206" s="1"/>
      <c r="G206" s="1"/>
      <c r="H206" s="1"/>
      <c r="I206" s="1"/>
      <c r="J206" s="1"/>
      <c r="K206" s="1"/>
      <c r="L206" s="1"/>
      <c r="M206" s="1"/>
      <c r="N206" s="1"/>
      <c r="O206" s="1"/>
      <c r="P206" s="1"/>
      <c r="Q206" s="1"/>
      <c r="R206" s="1"/>
      <c r="S206" s="1"/>
      <c r="T206" s="1"/>
      <c r="U206" s="1"/>
      <c r="V206" s="1"/>
      <c r="W206" s="1"/>
      <c r="X206" s="1"/>
      <c r="Y206" s="1"/>
      <c r="Z206" s="1"/>
      <c r="AA206" s="1"/>
      <c r="AB206" s="1"/>
      <c r="AC206" s="1"/>
      <c r="AD206" s="1"/>
      <c r="AE206" s="1"/>
      <c r="AF206" s="1"/>
      <c r="AG206" s="1"/>
      <c r="AH206" s="1"/>
      <c r="AI206" s="1"/>
      <c r="AJ206" s="1"/>
      <c r="AK206" s="1"/>
      <c r="AL206" s="1"/>
      <c r="AM206" s="1"/>
    </row>
    <row r="207" spans="3:39" ht="13.8" x14ac:dyDescent="0.3">
      <c r="C207" s="1"/>
      <c r="D207" s="1"/>
      <c r="E207" s="1"/>
      <c r="F207" s="1"/>
      <c r="G207" s="1"/>
      <c r="H207" s="1"/>
      <c r="I207" s="1"/>
      <c r="J207" s="1"/>
      <c r="K207" s="1"/>
      <c r="L207" s="1"/>
      <c r="M207" s="1"/>
      <c r="N207" s="1"/>
      <c r="O207" s="1"/>
      <c r="P207" s="1"/>
      <c r="Q207" s="1"/>
      <c r="R207" s="1"/>
      <c r="S207" s="1"/>
      <c r="T207" s="1"/>
      <c r="U207" s="1"/>
      <c r="V207" s="1"/>
      <c r="W207" s="1"/>
      <c r="X207" s="1"/>
      <c r="Y207" s="1"/>
      <c r="Z207" s="1"/>
      <c r="AA207" s="1"/>
      <c r="AB207" s="1"/>
      <c r="AC207" s="1"/>
      <c r="AD207" s="1"/>
      <c r="AE207" s="1"/>
      <c r="AF207" s="1"/>
      <c r="AG207" s="1"/>
      <c r="AH207" s="1"/>
      <c r="AI207" s="1"/>
      <c r="AJ207" s="1"/>
      <c r="AK207" s="1"/>
      <c r="AL207" s="1"/>
      <c r="AM207" s="1"/>
    </row>
    <row r="208" spans="3:39" ht="13.8" x14ac:dyDescent="0.3">
      <c r="C208" s="1"/>
      <c r="D208" s="1"/>
      <c r="E208" s="1"/>
      <c r="F208" s="1"/>
      <c r="G208" s="1"/>
      <c r="H208" s="1"/>
      <c r="I208" s="1"/>
      <c r="J208" s="1"/>
      <c r="K208" s="1"/>
      <c r="L208" s="1"/>
      <c r="M208" s="1"/>
      <c r="N208" s="1"/>
      <c r="O208" s="1"/>
      <c r="P208" s="1"/>
      <c r="Q208" s="1"/>
      <c r="R208" s="1"/>
      <c r="S208" s="1"/>
      <c r="T208" s="1"/>
      <c r="U208" s="1"/>
      <c r="V208" s="1"/>
      <c r="W208" s="1"/>
      <c r="X208" s="1"/>
      <c r="Y208" s="1"/>
      <c r="Z208" s="1"/>
      <c r="AA208" s="1"/>
      <c r="AB208" s="1"/>
      <c r="AC208" s="1"/>
      <c r="AD208" s="1"/>
      <c r="AE208" s="1"/>
      <c r="AF208" s="1"/>
      <c r="AG208" s="1"/>
      <c r="AH208" s="1"/>
      <c r="AI208" s="1"/>
      <c r="AJ208" s="1"/>
      <c r="AK208" s="1"/>
      <c r="AL208" s="1"/>
      <c r="AM208" s="1"/>
    </row>
    <row r="209" spans="3:39" ht="13.8" x14ac:dyDescent="0.3">
      <c r="C209" s="1"/>
      <c r="D209" s="1"/>
      <c r="E209" s="1"/>
      <c r="F209" s="1"/>
      <c r="G209" s="1"/>
      <c r="H209" s="1"/>
      <c r="I209" s="1"/>
      <c r="J209" s="1"/>
      <c r="K209" s="1"/>
      <c r="L209" s="1"/>
      <c r="M209" s="1"/>
      <c r="N209" s="1"/>
      <c r="O209" s="1"/>
      <c r="P209" s="1"/>
      <c r="Q209" s="1"/>
      <c r="R209" s="1"/>
      <c r="S209" s="1"/>
      <c r="T209" s="1"/>
      <c r="U209" s="1"/>
      <c r="V209" s="1"/>
      <c r="W209" s="1"/>
      <c r="X209" s="1"/>
      <c r="Y209" s="1"/>
      <c r="Z209" s="1"/>
      <c r="AA209" s="1"/>
      <c r="AB209" s="1"/>
      <c r="AC209" s="1"/>
      <c r="AD209" s="1"/>
      <c r="AE209" s="1"/>
      <c r="AF209" s="1"/>
      <c r="AG209" s="1"/>
      <c r="AH209" s="1"/>
      <c r="AI209" s="1"/>
      <c r="AJ209" s="1"/>
      <c r="AK209" s="1"/>
      <c r="AL209" s="1"/>
      <c r="AM209" s="1"/>
    </row>
    <row r="210" spans="3:39" ht="13.8" x14ac:dyDescent="0.3">
      <c r="C210" s="1"/>
      <c r="D210" s="1"/>
      <c r="E210" s="1"/>
      <c r="F210" s="1"/>
      <c r="G210" s="1"/>
      <c r="H210" s="1"/>
      <c r="I210" s="1"/>
      <c r="J210" s="1"/>
      <c r="K210" s="1"/>
      <c r="L210" s="1"/>
      <c r="M210" s="1"/>
      <c r="N210" s="1"/>
      <c r="O210" s="1"/>
      <c r="P210" s="1"/>
      <c r="Q210" s="1"/>
      <c r="R210" s="1"/>
      <c r="S210" s="1"/>
      <c r="T210" s="1"/>
      <c r="U210" s="1"/>
      <c r="V210" s="1"/>
      <c r="W210" s="1"/>
      <c r="X210" s="1"/>
      <c r="Y210" s="1"/>
      <c r="Z210" s="1"/>
      <c r="AA210" s="1"/>
      <c r="AB210" s="1"/>
      <c r="AC210" s="1"/>
      <c r="AD210" s="1"/>
      <c r="AE210" s="1"/>
      <c r="AF210" s="1"/>
      <c r="AG210" s="1"/>
      <c r="AH210" s="1"/>
      <c r="AI210" s="1"/>
      <c r="AJ210" s="1"/>
      <c r="AK210" s="1"/>
      <c r="AL210" s="1"/>
      <c r="AM210" s="1"/>
    </row>
    <row r="211" spans="3:39" ht="13.8" x14ac:dyDescent="0.3">
      <c r="C211" s="1"/>
      <c r="D211" s="1"/>
      <c r="E211" s="1"/>
      <c r="F211" s="1"/>
      <c r="G211" s="1"/>
      <c r="H211" s="1"/>
      <c r="I211" s="1"/>
      <c r="J211" s="1"/>
      <c r="K211" s="1"/>
      <c r="L211" s="1"/>
      <c r="M211" s="1"/>
      <c r="N211" s="1"/>
      <c r="O211" s="1"/>
      <c r="P211" s="1"/>
      <c r="Q211" s="1"/>
      <c r="R211" s="1"/>
      <c r="S211" s="1"/>
      <c r="T211" s="1"/>
      <c r="U211" s="1"/>
      <c r="V211" s="1"/>
      <c r="W211" s="1"/>
      <c r="X211" s="1"/>
      <c r="Y211" s="1"/>
      <c r="Z211" s="1"/>
      <c r="AA211" s="1"/>
      <c r="AB211" s="1"/>
      <c r="AC211" s="1"/>
      <c r="AD211" s="1"/>
      <c r="AE211" s="1"/>
      <c r="AF211" s="1"/>
      <c r="AG211" s="1"/>
      <c r="AH211" s="1"/>
      <c r="AI211" s="1"/>
      <c r="AJ211" s="1"/>
      <c r="AK211" s="1"/>
      <c r="AL211" s="1"/>
      <c r="AM211" s="1"/>
    </row>
    <row r="212" spans="3:39" ht="13.8" x14ac:dyDescent="0.3">
      <c r="C212" s="1"/>
      <c r="D212" s="1"/>
      <c r="E212" s="1"/>
      <c r="F212" s="1"/>
      <c r="G212" s="1"/>
      <c r="H212" s="1"/>
      <c r="I212" s="1"/>
      <c r="J212" s="1"/>
      <c r="K212" s="1"/>
      <c r="L212" s="1"/>
      <c r="M212" s="1"/>
      <c r="N212" s="1"/>
      <c r="O212" s="1"/>
      <c r="P212" s="1"/>
      <c r="Q212" s="1"/>
      <c r="R212" s="1"/>
      <c r="S212" s="1"/>
      <c r="T212" s="1"/>
      <c r="U212" s="1"/>
      <c r="V212" s="1"/>
      <c r="W212" s="1"/>
      <c r="X212" s="1"/>
      <c r="Y212" s="1"/>
      <c r="Z212" s="1"/>
      <c r="AA212" s="1"/>
      <c r="AB212" s="1"/>
      <c r="AC212" s="1"/>
      <c r="AD212" s="1"/>
      <c r="AE212" s="1"/>
      <c r="AF212" s="1"/>
      <c r="AG212" s="1"/>
      <c r="AH212" s="1"/>
      <c r="AI212" s="1"/>
      <c r="AJ212" s="1"/>
      <c r="AK212" s="1"/>
      <c r="AL212" s="1"/>
      <c r="AM212" s="1"/>
    </row>
    <row r="213" spans="3:39" ht="13.8" x14ac:dyDescent="0.3">
      <c r="C213" s="1"/>
      <c r="D213" s="1"/>
      <c r="E213" s="1"/>
      <c r="F213" s="1"/>
      <c r="G213" s="1"/>
      <c r="H213" s="1"/>
      <c r="I213" s="1"/>
      <c r="J213" s="1"/>
      <c r="K213" s="1"/>
      <c r="L213" s="1"/>
      <c r="M213" s="1"/>
      <c r="N213" s="1"/>
      <c r="O213" s="1"/>
      <c r="P213" s="1"/>
      <c r="Q213" s="1"/>
      <c r="R213" s="1"/>
      <c r="S213" s="1"/>
      <c r="T213" s="1"/>
      <c r="U213" s="1"/>
      <c r="V213" s="1"/>
      <c r="W213" s="1"/>
      <c r="X213" s="1"/>
      <c r="Y213" s="1"/>
      <c r="Z213" s="1"/>
      <c r="AA213" s="1"/>
      <c r="AB213" s="1"/>
      <c r="AC213" s="1"/>
      <c r="AD213" s="1"/>
      <c r="AE213" s="1"/>
      <c r="AF213" s="1"/>
      <c r="AG213" s="1"/>
      <c r="AH213" s="1"/>
      <c r="AI213" s="1"/>
      <c r="AJ213" s="1"/>
      <c r="AK213" s="1"/>
      <c r="AL213" s="1"/>
      <c r="AM213" s="1"/>
    </row>
    <row r="214" spans="3:39" ht="13.8" x14ac:dyDescent="0.3">
      <c r="C214" s="1"/>
      <c r="D214" s="1"/>
      <c r="E214" s="1"/>
      <c r="F214" s="1"/>
      <c r="G214" s="1"/>
      <c r="H214" s="1"/>
      <c r="I214" s="1"/>
      <c r="J214" s="1"/>
      <c r="K214" s="1"/>
      <c r="L214" s="1"/>
      <c r="M214" s="1"/>
      <c r="N214" s="1"/>
      <c r="O214" s="1"/>
      <c r="P214" s="1"/>
      <c r="Q214" s="1"/>
      <c r="R214" s="1"/>
      <c r="S214" s="1"/>
      <c r="T214" s="1"/>
      <c r="U214" s="1"/>
      <c r="V214" s="1"/>
      <c r="W214" s="1"/>
      <c r="X214" s="1"/>
      <c r="Y214" s="1"/>
      <c r="Z214" s="1"/>
      <c r="AA214" s="1"/>
      <c r="AB214" s="1"/>
      <c r="AC214" s="1"/>
      <c r="AD214" s="1"/>
      <c r="AE214" s="1"/>
      <c r="AF214" s="1"/>
      <c r="AG214" s="1"/>
      <c r="AH214" s="1"/>
      <c r="AI214" s="1"/>
      <c r="AJ214" s="1"/>
      <c r="AK214" s="1"/>
      <c r="AL214" s="1"/>
      <c r="AM214" s="1"/>
    </row>
    <row r="215" spans="3:39" ht="13.8" x14ac:dyDescent="0.3">
      <c r="C215" s="1"/>
      <c r="D215" s="1"/>
      <c r="E215" s="1"/>
      <c r="F215" s="1"/>
      <c r="G215" s="1"/>
      <c r="H215" s="1"/>
      <c r="I215" s="1"/>
      <c r="J215" s="1"/>
      <c r="K215" s="1"/>
      <c r="L215" s="1"/>
      <c r="M215" s="1"/>
      <c r="N215" s="1"/>
      <c r="O215" s="1"/>
      <c r="P215" s="1"/>
      <c r="Q215" s="1"/>
      <c r="R215" s="1"/>
      <c r="S215" s="1"/>
      <c r="T215" s="1"/>
      <c r="U215" s="1"/>
      <c r="V215" s="1"/>
      <c r="W215" s="1"/>
      <c r="X215" s="1"/>
      <c r="Y215" s="1"/>
      <c r="Z215" s="1"/>
      <c r="AA215" s="1"/>
      <c r="AB215" s="1"/>
      <c r="AC215" s="1"/>
      <c r="AD215" s="1"/>
      <c r="AE215" s="1"/>
      <c r="AF215" s="1"/>
      <c r="AG215" s="1"/>
      <c r="AH215" s="1"/>
      <c r="AI215" s="1"/>
      <c r="AJ215" s="1"/>
      <c r="AK215" s="1"/>
      <c r="AL215" s="1"/>
      <c r="AM215" s="1"/>
    </row>
    <row r="216" spans="3:39" ht="13.8" x14ac:dyDescent="0.3">
      <c r="C216" s="1"/>
      <c r="D216" s="1"/>
      <c r="E216" s="1"/>
      <c r="F216" s="1"/>
      <c r="G216" s="1"/>
      <c r="H216" s="1"/>
      <c r="I216" s="1"/>
      <c r="J216" s="1"/>
      <c r="K216" s="1"/>
      <c r="L216" s="1"/>
      <c r="M216" s="1"/>
      <c r="N216" s="1"/>
      <c r="O216" s="1"/>
      <c r="P216" s="1"/>
      <c r="Q216" s="1"/>
      <c r="R216" s="1"/>
      <c r="S216" s="1"/>
      <c r="T216" s="1"/>
      <c r="U216" s="1"/>
      <c r="V216" s="1"/>
      <c r="W216" s="1"/>
      <c r="X216" s="1"/>
      <c r="Y216" s="1"/>
      <c r="Z216" s="1"/>
      <c r="AA216" s="1"/>
      <c r="AB216" s="1"/>
      <c r="AC216" s="1"/>
      <c r="AD216" s="1"/>
      <c r="AE216" s="1"/>
      <c r="AF216" s="1"/>
      <c r="AG216" s="1"/>
      <c r="AH216" s="1"/>
      <c r="AI216" s="1"/>
      <c r="AJ216" s="1"/>
      <c r="AK216" s="1"/>
      <c r="AL216" s="1"/>
      <c r="AM216" s="1"/>
    </row>
  </sheetData>
  <sheetProtection password="CA83" sheet="1" objects="1" scenarios="1" selectLockedCells="1"/>
  <mergeCells count="6">
    <mergeCell ref="AB5:AC5"/>
    <mergeCell ref="AB22:AC22"/>
    <mergeCell ref="D22:I22"/>
    <mergeCell ref="D35:I35"/>
    <mergeCell ref="D6:I6"/>
    <mergeCell ref="J6:N6"/>
  </mergeCells>
  <phoneticPr fontId="3" type="noConversion"/>
  <conditionalFormatting sqref="L8:L19">
    <cfRule type="cellIs" dxfId="11" priority="1" stopIfTrue="1" operator="between">
      <formula>$N$5+1</formula>
      <formula>7</formula>
    </cfRule>
    <cfRule type="cellIs" dxfId="10" priority="2" stopIfTrue="1" operator="equal">
      <formula>N$5-2</formula>
    </cfRule>
  </conditionalFormatting>
  <conditionalFormatting sqref="L20">
    <cfRule type="cellIs" dxfId="9" priority="3" stopIfTrue="1" operator="between">
      <formula>$N$5+1</formula>
      <formula>7</formula>
    </cfRule>
  </conditionalFormatting>
  <conditionalFormatting sqref="J8:J20">
    <cfRule type="cellIs" dxfId="8" priority="4" stopIfTrue="1" operator="lessThan">
      <formula>$J$5</formula>
    </cfRule>
  </conditionalFormatting>
  <conditionalFormatting sqref="K8:K20">
    <cfRule type="cellIs" dxfId="7" priority="5" stopIfTrue="1" operator="lessThan">
      <formula>$K$5</formula>
    </cfRule>
  </conditionalFormatting>
  <conditionalFormatting sqref="D37:I45">
    <cfRule type="cellIs" dxfId="6" priority="6" stopIfTrue="1" operator="notBetween">
      <formula>1</formula>
      <formula>1</formula>
    </cfRule>
  </conditionalFormatting>
  <conditionalFormatting sqref="K26:K33">
    <cfRule type="cellIs" dxfId="5" priority="7" stopIfTrue="1" operator="greaterThan">
      <formula>3</formula>
    </cfRule>
  </conditionalFormatting>
  <conditionalFormatting sqref="K24">
    <cfRule type="cellIs" dxfId="4" priority="8" stopIfTrue="1" operator="greaterThan">
      <formula>2</formula>
    </cfRule>
  </conditionalFormatting>
  <conditionalFormatting sqref="K25">
    <cfRule type="cellIs" dxfId="3" priority="9" stopIfTrue="1" operator="greaterThan">
      <formula>4</formula>
    </cfRule>
  </conditionalFormatting>
  <conditionalFormatting sqref="N8:N20">
    <cfRule type="cellIs" dxfId="2" priority="10" stopIfTrue="1" operator="equal">
      <formula>+"ERR"</formula>
    </cfRule>
  </conditionalFormatting>
  <dataValidations xWindow="163" yWindow="542" count="4">
    <dataValidation type="list" allowBlank="1" showInputMessage="1" showErrorMessage="1" error="Value must be selected from drop down list" prompt="Select Position From here" sqref="D8:I20">
      <formula1>$C$24:$C$33</formula1>
    </dataValidation>
    <dataValidation allowBlank="1" showInputMessage="1" showErrorMessage="1" prompt="Enter First Name and Initial or Last name Here._x000a_Note that everything AFTER the first space is what will show on the Line-up Card" sqref="C8:C20"/>
    <dataValidation allowBlank="1" showInputMessage="1" showErrorMessage="1" prompt="Enter the Names of each position here - this is the list you must select from in the area above" sqref="C26:C35"/>
    <dataValidation allowBlank="1" showInputMessage="1" showErrorMessage="1" prompt="Pitcher &amp; Catcher Positions Cannot be changed due to special circumstances required" sqref="C24:C25"/>
  </dataValidations>
  <printOptions horizontalCentered="1" verticalCentered="1"/>
  <pageMargins left="0.5" right="0.5" top="0.5" bottom="0.5" header="0.5" footer="0.25"/>
  <pageSetup scale="90" orientation="landscape" horizontalDpi="4294967293" r:id="rId1"/>
  <headerFooter alignWithMargins="0">
    <oddFooter>&amp;LTHORNAPPLE VALLEY BASEBALL LEAGUE&amp;CMAJOR VERSION&amp;R&amp;8Line-Up Template v20070314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31"/>
  <sheetViews>
    <sheetView topLeftCell="A4" workbookViewId="0">
      <selection activeCell="J12" sqref="J12"/>
    </sheetView>
  </sheetViews>
  <sheetFormatPr defaultRowHeight="20.399999999999999" x14ac:dyDescent="0.35"/>
  <cols>
    <col min="1" max="1" width="10.44140625" style="4" bestFit="1" customWidth="1"/>
    <col min="2" max="2" width="17.88671875" style="4" bestFit="1" customWidth="1"/>
    <col min="3" max="10" width="9.109375" style="4" customWidth="1"/>
  </cols>
  <sheetData>
    <row r="1" spans="1:10" x14ac:dyDescent="0.35">
      <c r="A1" s="37" t="str">
        <f>+"Game Line-Up - "&amp;Input!A2</f>
        <v xml:space="preserve">Game Line-Up - </v>
      </c>
      <c r="B1" s="37"/>
      <c r="C1" s="37"/>
      <c r="D1" s="37"/>
      <c r="E1" s="37"/>
      <c r="F1" s="37"/>
      <c r="G1" s="37"/>
      <c r="H1" s="37"/>
      <c r="I1" s="98">
        <f>Input!C4</f>
        <v>0</v>
      </c>
      <c r="J1" s="98"/>
    </row>
    <row r="2" spans="1:10" x14ac:dyDescent="0.35">
      <c r="A2" s="37"/>
      <c r="B2" s="37"/>
      <c r="C2" s="37"/>
      <c r="D2" s="37"/>
      <c r="E2" s="37"/>
      <c r="F2" s="37"/>
      <c r="G2" s="37"/>
      <c r="H2" s="37"/>
      <c r="I2" s="37"/>
      <c r="J2" s="37"/>
    </row>
    <row r="3" spans="1:10" x14ac:dyDescent="0.35">
      <c r="A3" s="38" t="s">
        <v>26</v>
      </c>
      <c r="B3" s="39">
        <f>Input!F1</f>
        <v>0</v>
      </c>
      <c r="C3" s="37"/>
      <c r="D3" s="37"/>
      <c r="E3" s="37"/>
      <c r="F3" s="38" t="s">
        <v>27</v>
      </c>
      <c r="G3" s="39">
        <f>Input!F4</f>
        <v>0</v>
      </c>
      <c r="H3" s="37"/>
      <c r="I3" s="37"/>
      <c r="J3" s="37"/>
    </row>
    <row r="4" spans="1:10" ht="21" thickBot="1" x14ac:dyDescent="0.4">
      <c r="A4" s="37"/>
      <c r="B4" s="39">
        <f>Input!F2</f>
        <v>0</v>
      </c>
      <c r="C4" s="37"/>
      <c r="D4" s="37"/>
      <c r="E4" s="37"/>
      <c r="F4" s="37"/>
      <c r="G4" s="39">
        <f>Input!F5</f>
        <v>0</v>
      </c>
      <c r="H4" s="37"/>
      <c r="I4" s="37"/>
      <c r="J4" s="37"/>
    </row>
    <row r="5" spans="1:10" ht="21" thickTop="1" x14ac:dyDescent="0.35">
      <c r="A5" s="5"/>
      <c r="B5" s="6"/>
      <c r="C5" s="96" t="s">
        <v>0</v>
      </c>
      <c r="D5" s="96"/>
      <c r="E5" s="96"/>
      <c r="F5" s="96"/>
      <c r="G5" s="96"/>
      <c r="H5" s="96"/>
      <c r="I5" s="96"/>
      <c r="J5" s="97"/>
    </row>
    <row r="6" spans="1:10" x14ac:dyDescent="0.35">
      <c r="A6" s="7" t="s">
        <v>12</v>
      </c>
      <c r="B6" s="8" t="s">
        <v>25</v>
      </c>
      <c r="C6" s="11">
        <v>1</v>
      </c>
      <c r="D6" s="11">
        <v>2</v>
      </c>
      <c r="E6" s="11">
        <v>3</v>
      </c>
      <c r="F6" s="11">
        <v>4</v>
      </c>
      <c r="G6" s="11">
        <v>5</v>
      </c>
      <c r="H6" s="11">
        <v>6</v>
      </c>
      <c r="I6" s="11">
        <v>7</v>
      </c>
      <c r="J6" s="10">
        <v>8</v>
      </c>
    </row>
    <row r="7" spans="1:10" s="15" customFormat="1" ht="29.25" customHeight="1" x14ac:dyDescent="0.25">
      <c r="A7" s="22">
        <f>Input!B8</f>
        <v>0</v>
      </c>
      <c r="B7" s="12" t="str">
        <f>Input!M8</f>
        <v/>
      </c>
      <c r="C7" s="13" t="str">
        <f>IF(ISNA(VLOOKUP(Input!D8,Input!$C$24:$J$36,8,0)),"",VLOOKUP(Input!D8,Input!$C$24:$J$36,8,0))</f>
        <v/>
      </c>
      <c r="D7" s="13" t="str">
        <f>IF(ISNA(VLOOKUP(Input!E8,Input!$C$24:$J$36,8,0)),"",VLOOKUP(Input!E8,Input!$C$24:$J$36,8,0))</f>
        <v/>
      </c>
      <c r="E7" s="13" t="str">
        <f>IF(ISNA(VLOOKUP(Input!F8,Input!$C$24:$J$36,8,0)),"",VLOOKUP(Input!F8,Input!$C$24:$J$36,8,0))</f>
        <v/>
      </c>
      <c r="F7" s="13" t="str">
        <f>IF(ISNA(VLOOKUP(Input!G8,Input!$C$24:$J$36,8,0)),"",VLOOKUP(Input!G8,Input!$C$24:$J$36,8,0))</f>
        <v/>
      </c>
      <c r="G7" s="13" t="str">
        <f>IF(ISNA(VLOOKUP(Input!H8,Input!$C$24:$J$36,8,0)),"",VLOOKUP(Input!H8,Input!$C$24:$J$36,8,0))</f>
        <v/>
      </c>
      <c r="H7" s="13" t="str">
        <f>IF(ISNA(VLOOKUP(Input!I8,Input!$C$24:$J$36,8,0)),"",VLOOKUP(Input!I8,Input!$C$24:$J$36,8,0))</f>
        <v/>
      </c>
      <c r="I7" s="13"/>
      <c r="J7" s="14"/>
    </row>
    <row r="8" spans="1:10" s="15" customFormat="1" ht="29.25" customHeight="1" x14ac:dyDescent="0.25">
      <c r="A8" s="23">
        <f>Input!B9</f>
        <v>0</v>
      </c>
      <c r="B8" s="16" t="str">
        <f>Input!M9</f>
        <v/>
      </c>
      <c r="C8" s="17" t="str">
        <f>IF(ISNA(VLOOKUP(Input!D9,Input!$C$24:$J$36,8,0)),"",VLOOKUP(Input!D9,Input!$C$24:$J$36,8,0))</f>
        <v/>
      </c>
      <c r="D8" s="17" t="str">
        <f>IF(ISNA(VLOOKUP(Input!E9,Input!$C$24:$J$36,8,0)),"",VLOOKUP(Input!E9,Input!$C$24:$J$36,8,0))</f>
        <v/>
      </c>
      <c r="E8" s="17" t="str">
        <f>IF(ISNA(VLOOKUP(Input!F9,Input!$C$24:$J$36,8,0)),"",VLOOKUP(Input!F9,Input!$C$24:$J$36,8,0))</f>
        <v/>
      </c>
      <c r="F8" s="17" t="str">
        <f>IF(ISNA(VLOOKUP(Input!G9,Input!$C$24:$J$36,8,0)),"",VLOOKUP(Input!G9,Input!$C$24:$J$36,8,0))</f>
        <v/>
      </c>
      <c r="G8" s="17" t="str">
        <f>IF(ISNA(VLOOKUP(Input!H9,Input!$C$24:$J$36,8,0)),"",VLOOKUP(Input!H9,Input!$C$24:$J$36,8,0))</f>
        <v/>
      </c>
      <c r="H8" s="17" t="str">
        <f>IF(ISNA(VLOOKUP(Input!I9,Input!$C$24:$J$36,8,0)),"",VLOOKUP(Input!I9,Input!$C$24:$J$36,8,0))</f>
        <v/>
      </c>
      <c r="I8" s="17"/>
      <c r="J8" s="18"/>
    </row>
    <row r="9" spans="1:10" s="15" customFormat="1" ht="29.25" customHeight="1" x14ac:dyDescent="0.25">
      <c r="A9" s="22">
        <f>Input!B10</f>
        <v>0</v>
      </c>
      <c r="B9" s="12" t="str">
        <f>Input!M10</f>
        <v/>
      </c>
      <c r="C9" s="13" t="str">
        <f>IF(ISNA(VLOOKUP(Input!D10,Input!$C$24:$J$36,8,0)),"",VLOOKUP(Input!D10,Input!$C$24:$J$36,8,0))</f>
        <v/>
      </c>
      <c r="D9" s="13" t="str">
        <f>IF(ISNA(VLOOKUP(Input!E10,Input!$C$24:$J$36,8,0)),"",VLOOKUP(Input!E10,Input!$C$24:$J$36,8,0))</f>
        <v/>
      </c>
      <c r="E9" s="13" t="str">
        <f>IF(ISNA(VLOOKUP(Input!F10,Input!$C$24:$J$36,8,0)),"",VLOOKUP(Input!F10,Input!$C$24:$J$36,8,0))</f>
        <v/>
      </c>
      <c r="F9" s="13" t="str">
        <f>IF(ISNA(VLOOKUP(Input!G10,Input!$C$24:$J$36,8,0)),"",VLOOKUP(Input!G10,Input!$C$24:$J$36,8,0))</f>
        <v/>
      </c>
      <c r="G9" s="13" t="str">
        <f>IF(ISNA(VLOOKUP(Input!H10,Input!$C$24:$J$36,8,0)),"",VLOOKUP(Input!H10,Input!$C$24:$J$36,8,0))</f>
        <v/>
      </c>
      <c r="H9" s="13" t="str">
        <f>IF(ISNA(VLOOKUP(Input!I10,Input!$C$24:$J$36,8,0)),"",VLOOKUP(Input!I10,Input!$C$24:$J$36,8,0))</f>
        <v/>
      </c>
      <c r="I9" s="13"/>
      <c r="J9" s="14"/>
    </row>
    <row r="10" spans="1:10" s="15" customFormat="1" ht="29.25" customHeight="1" x14ac:dyDescent="0.25">
      <c r="A10" s="23">
        <f>Input!B11</f>
        <v>0</v>
      </c>
      <c r="B10" s="16" t="str">
        <f>Input!M11</f>
        <v/>
      </c>
      <c r="C10" s="17" t="str">
        <f>IF(ISNA(VLOOKUP(Input!D11,Input!$C$24:$J$36,8,0)),"",VLOOKUP(Input!D11,Input!$C$24:$J$36,8,0))</f>
        <v/>
      </c>
      <c r="D10" s="17" t="str">
        <f>IF(ISNA(VLOOKUP(Input!E11,Input!$C$24:$J$36,8,0)),"",VLOOKUP(Input!E11,Input!$C$24:$J$36,8,0))</f>
        <v/>
      </c>
      <c r="E10" s="17" t="str">
        <f>IF(ISNA(VLOOKUP(Input!F11,Input!$C$24:$J$36,8,0)),"",VLOOKUP(Input!F11,Input!$C$24:$J$36,8,0))</f>
        <v/>
      </c>
      <c r="F10" s="17" t="str">
        <f>IF(ISNA(VLOOKUP(Input!G11,Input!$C$24:$J$36,8,0)),"",VLOOKUP(Input!G11,Input!$C$24:$J$36,8,0))</f>
        <v/>
      </c>
      <c r="G10" s="17" t="str">
        <f>IF(ISNA(VLOOKUP(Input!H11,Input!$C$24:$J$36,8,0)),"",VLOOKUP(Input!H11,Input!$C$24:$J$36,8,0))</f>
        <v/>
      </c>
      <c r="H10" s="17" t="str">
        <f>IF(ISNA(VLOOKUP(Input!I11,Input!$C$24:$J$36,8,0)),"",VLOOKUP(Input!I11,Input!$C$24:$J$36,8,0))</f>
        <v/>
      </c>
      <c r="I10" s="17"/>
      <c r="J10" s="18"/>
    </row>
    <row r="11" spans="1:10" s="15" customFormat="1" ht="29.25" customHeight="1" x14ac:dyDescent="0.25">
      <c r="A11" s="22">
        <f>Input!B12</f>
        <v>0</v>
      </c>
      <c r="B11" s="12" t="str">
        <f>Input!M12</f>
        <v/>
      </c>
      <c r="C11" s="13" t="str">
        <f>IF(ISNA(VLOOKUP(Input!D12,Input!$C$24:$J$36,8,0)),"",VLOOKUP(Input!D12,Input!$C$24:$J$36,8,0))</f>
        <v/>
      </c>
      <c r="D11" s="13" t="str">
        <f>IF(ISNA(VLOOKUP(Input!E12,Input!$C$24:$J$36,8,0)),"",VLOOKUP(Input!E12,Input!$C$24:$J$36,8,0))</f>
        <v/>
      </c>
      <c r="E11" s="13" t="str">
        <f>IF(ISNA(VLOOKUP(Input!F12,Input!$C$24:$J$36,8,0)),"",VLOOKUP(Input!F12,Input!$C$24:$J$36,8,0))</f>
        <v/>
      </c>
      <c r="F11" s="13" t="str">
        <f>IF(ISNA(VLOOKUP(Input!G12,Input!$C$24:$J$36,8,0)),"",VLOOKUP(Input!G12,Input!$C$24:$J$36,8,0))</f>
        <v/>
      </c>
      <c r="G11" s="13" t="str">
        <f>IF(ISNA(VLOOKUP(Input!H12,Input!$C$24:$J$36,8,0)),"",VLOOKUP(Input!H12,Input!$C$24:$J$36,8,0))</f>
        <v/>
      </c>
      <c r="H11" s="13" t="str">
        <f>IF(ISNA(VLOOKUP(Input!I12,Input!$C$24:$J$36,8,0)),"",VLOOKUP(Input!I12,Input!$C$24:$J$36,8,0))</f>
        <v/>
      </c>
      <c r="I11" s="13"/>
      <c r="J11" s="14"/>
    </row>
    <row r="12" spans="1:10" s="15" customFormat="1" ht="29.25" customHeight="1" x14ac:dyDescent="0.25">
      <c r="A12" s="23">
        <f>Input!B13</f>
        <v>0</v>
      </c>
      <c r="B12" s="16" t="str">
        <f>Input!M13</f>
        <v/>
      </c>
      <c r="C12" s="17" t="str">
        <f>IF(ISNA(VLOOKUP(Input!D13,Input!$C$24:$J$36,8,0)),"",VLOOKUP(Input!D13,Input!$C$24:$J$36,8,0))</f>
        <v/>
      </c>
      <c r="D12" s="17" t="str">
        <f>IF(ISNA(VLOOKUP(Input!E13,Input!$C$24:$J$36,8,0)),"",VLOOKUP(Input!E13,Input!$C$24:$J$36,8,0))</f>
        <v/>
      </c>
      <c r="E12" s="17" t="str">
        <f>IF(ISNA(VLOOKUP(Input!F13,Input!$C$24:$J$36,8,0)),"",VLOOKUP(Input!F13,Input!$C$24:$J$36,8,0))</f>
        <v/>
      </c>
      <c r="F12" s="17" t="str">
        <f>IF(ISNA(VLOOKUP(Input!G13,Input!$C$24:$J$36,8,0)),"",VLOOKUP(Input!G13,Input!$C$24:$J$36,8,0))</f>
        <v/>
      </c>
      <c r="G12" s="17" t="str">
        <f>IF(ISNA(VLOOKUP(Input!H13,Input!$C$24:$J$36,8,0)),"",VLOOKUP(Input!H13,Input!$C$24:$J$36,8,0))</f>
        <v/>
      </c>
      <c r="H12" s="17" t="str">
        <f>IF(ISNA(VLOOKUP(Input!I13,Input!$C$24:$J$36,8,0)),"",VLOOKUP(Input!I13,Input!$C$24:$J$36,8,0))</f>
        <v/>
      </c>
      <c r="I12" s="17"/>
      <c r="J12" s="18"/>
    </row>
    <row r="13" spans="1:10" s="15" customFormat="1" ht="29.25" customHeight="1" x14ac:dyDescent="0.25">
      <c r="A13" s="22">
        <f>Input!B14</f>
        <v>0</v>
      </c>
      <c r="B13" s="12" t="str">
        <f>Input!M14</f>
        <v/>
      </c>
      <c r="C13" s="13" t="str">
        <f>IF(ISNA(VLOOKUP(Input!D14,Input!$C$24:$J$36,8,0)),"",VLOOKUP(Input!D14,Input!$C$24:$J$36,8,0))</f>
        <v/>
      </c>
      <c r="D13" s="13" t="str">
        <f>IF(ISNA(VLOOKUP(Input!E14,Input!$C$24:$J$36,8,0)),"",VLOOKUP(Input!E14,Input!$C$24:$J$36,8,0))</f>
        <v/>
      </c>
      <c r="E13" s="13" t="str">
        <f>IF(ISNA(VLOOKUP(Input!F14,Input!$C$24:$J$36,8,0)),"",VLOOKUP(Input!F14,Input!$C$24:$J$36,8,0))</f>
        <v/>
      </c>
      <c r="F13" s="13" t="str">
        <f>IF(ISNA(VLOOKUP(Input!G14,Input!$C$24:$J$36,8,0)),"",VLOOKUP(Input!G14,Input!$C$24:$J$36,8,0))</f>
        <v/>
      </c>
      <c r="G13" s="13" t="str">
        <f>IF(ISNA(VLOOKUP(Input!H14,Input!$C$24:$J$36,8,0)),"",VLOOKUP(Input!H14,Input!$C$24:$J$36,8,0))</f>
        <v/>
      </c>
      <c r="H13" s="13" t="str">
        <f>IF(ISNA(VLOOKUP(Input!I14,Input!$C$24:$J$36,8,0)),"",VLOOKUP(Input!I14,Input!$C$24:$J$36,8,0))</f>
        <v/>
      </c>
      <c r="I13" s="13"/>
      <c r="J13" s="14"/>
    </row>
    <row r="14" spans="1:10" s="15" customFormat="1" ht="29.25" customHeight="1" x14ac:dyDescent="0.25">
      <c r="A14" s="23">
        <f>Input!B15</f>
        <v>0</v>
      </c>
      <c r="B14" s="16" t="str">
        <f>Input!M15</f>
        <v/>
      </c>
      <c r="C14" s="17" t="str">
        <f>IF(ISNA(VLOOKUP(Input!D15,Input!$C$24:$J$36,8,0)),"",VLOOKUP(Input!D15,Input!$C$24:$J$36,8,0))</f>
        <v/>
      </c>
      <c r="D14" s="17" t="str">
        <f>IF(ISNA(VLOOKUP(Input!E15,Input!$C$24:$J$36,8,0)),"",VLOOKUP(Input!E15,Input!$C$24:$J$36,8,0))</f>
        <v/>
      </c>
      <c r="E14" s="17" t="str">
        <f>IF(ISNA(VLOOKUP(Input!F15,Input!$C$24:$J$36,8,0)),"",VLOOKUP(Input!F15,Input!$C$24:$J$36,8,0))</f>
        <v/>
      </c>
      <c r="F14" s="17" t="str">
        <f>IF(ISNA(VLOOKUP(Input!G15,Input!$C$24:$J$36,8,0)),"",VLOOKUP(Input!G15,Input!$C$24:$J$36,8,0))</f>
        <v/>
      </c>
      <c r="G14" s="17" t="str">
        <f>IF(ISNA(VLOOKUP(Input!H15,Input!$C$24:$J$36,8,0)),"",VLOOKUP(Input!H15,Input!$C$24:$J$36,8,0))</f>
        <v/>
      </c>
      <c r="H14" s="17" t="str">
        <f>IF(ISNA(VLOOKUP(Input!I15,Input!$C$24:$J$36,8,0)),"",VLOOKUP(Input!I15,Input!$C$24:$J$36,8,0))</f>
        <v/>
      </c>
      <c r="I14" s="17"/>
      <c r="J14" s="18"/>
    </row>
    <row r="15" spans="1:10" s="15" customFormat="1" ht="29.25" customHeight="1" x14ac:dyDescent="0.25">
      <c r="A15" s="22">
        <f>Input!B16</f>
        <v>0</v>
      </c>
      <c r="B15" s="12" t="str">
        <f>Input!M16</f>
        <v/>
      </c>
      <c r="C15" s="13" t="str">
        <f>IF(ISNA(VLOOKUP(Input!D16,Input!$C$24:$J$36,8,0)),"",VLOOKUP(Input!D16,Input!$C$24:$J$36,8,0))</f>
        <v/>
      </c>
      <c r="D15" s="13" t="str">
        <f>IF(ISNA(VLOOKUP(Input!E16,Input!$C$24:$J$36,8,0)),"",VLOOKUP(Input!E16,Input!$C$24:$J$36,8,0))</f>
        <v/>
      </c>
      <c r="E15" s="13" t="str">
        <f>IF(ISNA(VLOOKUP(Input!F16,Input!$C$24:$J$36,8,0)),"",VLOOKUP(Input!F16,Input!$C$24:$J$36,8,0))</f>
        <v/>
      </c>
      <c r="F15" s="13" t="str">
        <f>IF(ISNA(VLOOKUP(Input!G16,Input!$C$24:$J$36,8,0)),"",VLOOKUP(Input!G16,Input!$C$24:$J$36,8,0))</f>
        <v/>
      </c>
      <c r="G15" s="13" t="str">
        <f>IF(ISNA(VLOOKUP(Input!H16,Input!$C$24:$J$36,8,0)),"",VLOOKUP(Input!H16,Input!$C$24:$J$36,8,0))</f>
        <v/>
      </c>
      <c r="H15" s="13" t="str">
        <f>IF(ISNA(VLOOKUP(Input!I16,Input!$C$24:$J$36,8,0)),"",VLOOKUP(Input!I16,Input!$C$24:$J$36,8,0))</f>
        <v/>
      </c>
      <c r="I15" s="13"/>
      <c r="J15" s="14"/>
    </row>
    <row r="16" spans="1:10" s="15" customFormat="1" ht="29.25" customHeight="1" x14ac:dyDescent="0.25">
      <c r="A16" s="23">
        <f>Input!B17</f>
        <v>0</v>
      </c>
      <c r="B16" s="16" t="str">
        <f>Input!M17</f>
        <v/>
      </c>
      <c r="C16" s="17" t="str">
        <f>IF(ISNA(VLOOKUP(Input!D17,Input!$C$24:$J$36,8,0)),"",VLOOKUP(Input!D17,Input!$C$24:$J$36,8,0))</f>
        <v/>
      </c>
      <c r="D16" s="17" t="str">
        <f>IF(ISNA(VLOOKUP(Input!E17,Input!$C$24:$J$36,8,0)),"",VLOOKUP(Input!E17,Input!$C$24:$J$36,8,0))</f>
        <v/>
      </c>
      <c r="E16" s="17" t="str">
        <f>IF(ISNA(VLOOKUP(Input!F17,Input!$C$24:$J$36,8,0)),"",VLOOKUP(Input!F17,Input!$C$24:$J$36,8,0))</f>
        <v/>
      </c>
      <c r="F16" s="17" t="str">
        <f>IF(ISNA(VLOOKUP(Input!G17,Input!$C$24:$J$36,8,0)),"",VLOOKUP(Input!G17,Input!$C$24:$J$36,8,0))</f>
        <v/>
      </c>
      <c r="G16" s="17" t="str">
        <f>IF(ISNA(VLOOKUP(Input!H17,Input!$C$24:$J$36,8,0)),"",VLOOKUP(Input!H17,Input!$C$24:$J$36,8,0))</f>
        <v/>
      </c>
      <c r="H16" s="17" t="str">
        <f>IF(ISNA(VLOOKUP(Input!I17,Input!$C$24:$J$36,8,0)),"",VLOOKUP(Input!I17,Input!$C$24:$J$36,8,0))</f>
        <v/>
      </c>
      <c r="I16" s="17"/>
      <c r="J16" s="18"/>
    </row>
    <row r="17" spans="1:10" s="15" customFormat="1" ht="29.25" customHeight="1" x14ac:dyDescent="0.25">
      <c r="A17" s="22">
        <f>Input!B18</f>
        <v>0</v>
      </c>
      <c r="B17" s="12" t="str">
        <f>Input!M18</f>
        <v/>
      </c>
      <c r="C17" s="13" t="str">
        <f>IF(ISNA(VLOOKUP(Input!D18,Input!$C$24:$J$36,8,0)),"",VLOOKUP(Input!D18,Input!$C$24:$J$36,8,0))</f>
        <v/>
      </c>
      <c r="D17" s="13" t="str">
        <f>IF(ISNA(VLOOKUP(Input!E18,Input!$C$24:$J$36,8,0)),"",VLOOKUP(Input!E18,Input!$C$24:$J$36,8,0))</f>
        <v/>
      </c>
      <c r="E17" s="13" t="str">
        <f>IF(ISNA(VLOOKUP(Input!F18,Input!$C$24:$J$36,8,0)),"",VLOOKUP(Input!F18,Input!$C$24:$J$36,8,0))</f>
        <v/>
      </c>
      <c r="F17" s="13" t="str">
        <f>IF(ISNA(VLOOKUP(Input!G18,Input!$C$24:$J$36,8,0)),"",VLOOKUP(Input!G18,Input!$C$24:$J$36,8,0))</f>
        <v/>
      </c>
      <c r="G17" s="13" t="str">
        <f>IF(ISNA(VLOOKUP(Input!H18,Input!$C$24:$J$36,8,0)),"",VLOOKUP(Input!H18,Input!$C$24:$J$36,8,0))</f>
        <v/>
      </c>
      <c r="H17" s="13" t="str">
        <f>IF(ISNA(VLOOKUP(Input!I18,Input!$C$24:$J$36,8,0)),"",VLOOKUP(Input!I18,Input!$C$24:$J$36,8,0))</f>
        <v/>
      </c>
      <c r="I17" s="13"/>
      <c r="J17" s="14"/>
    </row>
    <row r="18" spans="1:10" s="15" customFormat="1" ht="29.25" customHeight="1" x14ac:dyDescent="0.25">
      <c r="A18" s="23">
        <f>Input!B19</f>
        <v>0</v>
      </c>
      <c r="B18" s="16" t="str">
        <f>Input!M19</f>
        <v/>
      </c>
      <c r="C18" s="17" t="str">
        <f>IF(ISNA(VLOOKUP(Input!D19,Input!$C$24:$J$36,8,0)),"",VLOOKUP(Input!D19,Input!$C$24:$J$36,8,0))</f>
        <v/>
      </c>
      <c r="D18" s="17" t="str">
        <f>IF(ISNA(VLOOKUP(Input!E19,Input!$C$24:$J$36,8,0)),"",VLOOKUP(Input!E19,Input!$C$24:$J$36,8,0))</f>
        <v/>
      </c>
      <c r="E18" s="17" t="str">
        <f>IF(ISNA(VLOOKUP(Input!F19,Input!$C$24:$J$36,8,0)),"",VLOOKUP(Input!F19,Input!$C$24:$J$36,8,0))</f>
        <v/>
      </c>
      <c r="F18" s="17" t="str">
        <f>IF(ISNA(VLOOKUP(Input!G19,Input!$C$24:$J$36,8,0)),"",VLOOKUP(Input!G19,Input!$C$24:$J$36,8,0))</f>
        <v/>
      </c>
      <c r="G18" s="17" t="str">
        <f>IF(ISNA(VLOOKUP(Input!H19,Input!$C$24:$J$36,8,0)),"",VLOOKUP(Input!H19,Input!$C$24:$J$36,8,0))</f>
        <v/>
      </c>
      <c r="H18" s="17" t="str">
        <f>IF(ISNA(VLOOKUP(Input!I19,Input!$C$24:$J$36,8,0)),"",VLOOKUP(Input!I19,Input!$C$24:$J$36,8,0))</f>
        <v/>
      </c>
      <c r="I18" s="17"/>
      <c r="J18" s="18"/>
    </row>
    <row r="19" spans="1:10" s="15" customFormat="1" ht="29.25" customHeight="1" thickBot="1" x14ac:dyDescent="0.3">
      <c r="A19" s="24" t="str">
        <f>Input!B20</f>
        <v xml:space="preserve"> </v>
      </c>
      <c r="B19" s="19" t="str">
        <f>Input!M20</f>
        <v/>
      </c>
      <c r="C19" s="20" t="str">
        <f>IF(ISNA(VLOOKUP(Input!D20,Input!$C$24:$J$36,8,0)),"",VLOOKUP(Input!D20,Input!$C$24:$J$36,8,0))</f>
        <v/>
      </c>
      <c r="D19" s="20" t="str">
        <f>IF(ISNA(VLOOKUP(Input!E20,Input!$C$24:$J$36,8,0)),"",VLOOKUP(Input!E20,Input!$C$24:$J$36,8,0))</f>
        <v/>
      </c>
      <c r="E19" s="20" t="str">
        <f>IF(ISNA(VLOOKUP(Input!F20,Input!$C$24:$J$36,8,0)),"",VLOOKUP(Input!F20,Input!$C$24:$J$36,8,0))</f>
        <v/>
      </c>
      <c r="F19" s="20" t="str">
        <f>IF(ISNA(VLOOKUP(Input!G20,Input!$C$24:$J$36,8,0)),"",VLOOKUP(Input!G20,Input!$C$24:$J$36,8,0))</f>
        <v/>
      </c>
      <c r="G19" s="20" t="str">
        <f>IF(ISNA(VLOOKUP(Input!H20,Input!$C$24:$J$36,8,0)),"",VLOOKUP(Input!H20,Input!$C$24:$J$36,8,0))</f>
        <v/>
      </c>
      <c r="H19" s="20" t="str">
        <f>IF(ISNA(VLOOKUP(Input!I20,Input!$C$24:$J$36,8,0)),"",VLOOKUP(Input!I20,Input!$C$24:$J$36,8,0))</f>
        <v/>
      </c>
      <c r="I19" s="20"/>
      <c r="J19" s="21"/>
    </row>
    <row r="20" spans="1:10" ht="21" thickTop="1" x14ac:dyDescent="0.35"/>
    <row r="22" spans="1:10" ht="21.6" x14ac:dyDescent="0.45">
      <c r="B22" s="9"/>
    </row>
    <row r="23" spans="1:10" ht="21.6" x14ac:dyDescent="0.45">
      <c r="B23" s="9"/>
    </row>
    <row r="24" spans="1:10" ht="21.6" x14ac:dyDescent="0.45">
      <c r="B24" s="9"/>
    </row>
    <row r="25" spans="1:10" ht="21.6" x14ac:dyDescent="0.45">
      <c r="B25" s="9"/>
    </row>
    <row r="26" spans="1:10" ht="21.6" x14ac:dyDescent="0.45">
      <c r="B26" s="9"/>
    </row>
    <row r="27" spans="1:10" ht="21.6" x14ac:dyDescent="0.45">
      <c r="B27" s="9"/>
    </row>
    <row r="28" spans="1:10" ht="21.6" x14ac:dyDescent="0.45">
      <c r="B28" s="9"/>
    </row>
    <row r="29" spans="1:10" ht="21.6" x14ac:dyDescent="0.45">
      <c r="B29" s="9"/>
    </row>
    <row r="30" spans="1:10" ht="21.6" x14ac:dyDescent="0.45">
      <c r="B30" s="9"/>
    </row>
    <row r="31" spans="1:10" ht="21.6" x14ac:dyDescent="0.45">
      <c r="B31" s="9"/>
    </row>
  </sheetData>
  <sheetProtection password="CA83" sheet="1" objects="1" scenarios="1" selectLockedCells="1"/>
  <mergeCells count="2">
    <mergeCell ref="C5:J5"/>
    <mergeCell ref="I1:J1"/>
  </mergeCells>
  <phoneticPr fontId="3" type="noConversion"/>
  <printOptions horizontalCentered="1"/>
  <pageMargins left="0.5" right="0.5" top="1" bottom="1" header="0.5" footer="0.5"/>
  <pageSetup scale="96" orientation="portrait" r:id="rId1"/>
  <headerFooter alignWithMargins="0">
    <oddFooter>&amp;LTHORNAPPLE VALLEY BASEBALL LEAGUE&amp;CMAJOR VERSION&amp;R&amp;8Line-Up Template v20070314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7"/>
  <sheetViews>
    <sheetView workbookViewId="0">
      <selection activeCell="C2" sqref="C2"/>
    </sheetView>
  </sheetViews>
  <sheetFormatPr defaultRowHeight="13.2" x14ac:dyDescent="0.25"/>
  <cols>
    <col min="10" max="10" width="10.33203125" customWidth="1"/>
  </cols>
  <sheetData>
    <row r="1" spans="1:10" ht="20.399999999999999" x14ac:dyDescent="0.35">
      <c r="A1" s="37" t="str">
        <f>+"Game Line-Up - "&amp;Input!A2</f>
        <v xml:space="preserve">Game Line-Up - </v>
      </c>
      <c r="B1" s="37"/>
      <c r="C1" s="37"/>
      <c r="D1" s="37"/>
      <c r="E1" s="37"/>
      <c r="F1" s="37"/>
      <c r="G1" s="37"/>
      <c r="H1" s="37"/>
      <c r="I1" s="98">
        <f>Input!C4</f>
        <v>0</v>
      </c>
      <c r="J1" s="98"/>
    </row>
    <row r="2" spans="1:10" ht="21" thickBot="1" x14ac:dyDescent="0.4">
      <c r="B2" s="78" t="s">
        <v>44</v>
      </c>
      <c r="C2" s="79">
        <v>1</v>
      </c>
      <c r="D2" s="37"/>
      <c r="E2" s="37"/>
      <c r="F2" s="37"/>
      <c r="G2" s="37"/>
      <c r="H2" s="37"/>
      <c r="I2" s="37"/>
      <c r="J2" s="37"/>
    </row>
    <row r="3" spans="1:10" x14ac:dyDescent="0.25">
      <c r="E3" s="99" t="s">
        <v>45</v>
      </c>
      <c r="F3" s="100"/>
    </row>
    <row r="4" spans="1:10" ht="13.8" thickBot="1" x14ac:dyDescent="0.3">
      <c r="E4" s="80">
        <v>1</v>
      </c>
      <c r="F4" s="81" t="e">
        <f>Input!D31</f>
        <v>#N/A</v>
      </c>
    </row>
    <row r="5" spans="1:10" x14ac:dyDescent="0.25">
      <c r="A5" s="99" t="s">
        <v>45</v>
      </c>
      <c r="B5" s="100"/>
      <c r="E5" s="80">
        <v>2</v>
      </c>
      <c r="F5" s="81" t="e">
        <f>Input!E31</f>
        <v>#N/A</v>
      </c>
      <c r="I5" s="99" t="s">
        <v>46</v>
      </c>
      <c r="J5" s="100"/>
    </row>
    <row r="6" spans="1:10" x14ac:dyDescent="0.25">
      <c r="A6" s="80">
        <v>1</v>
      </c>
      <c r="B6" s="81" t="e">
        <f>Input!D30</f>
        <v>#N/A</v>
      </c>
      <c r="E6" s="80">
        <v>3</v>
      </c>
      <c r="F6" s="81" t="e">
        <f>Input!F31</f>
        <v>#N/A</v>
      </c>
      <c r="I6" s="80">
        <v>1</v>
      </c>
      <c r="J6" s="81" t="e">
        <f>Input!D32</f>
        <v>#N/A</v>
      </c>
    </row>
    <row r="7" spans="1:10" x14ac:dyDescent="0.25">
      <c r="A7" s="80">
        <v>2</v>
      </c>
      <c r="B7" s="81" t="e">
        <f>Input!E30</f>
        <v>#N/A</v>
      </c>
      <c r="E7" s="80">
        <v>4</v>
      </c>
      <c r="F7" s="81" t="e">
        <f>Input!G31</f>
        <v>#N/A</v>
      </c>
      <c r="I7" s="80">
        <v>2</v>
      </c>
      <c r="J7" s="81" t="e">
        <f>Input!E32</f>
        <v>#N/A</v>
      </c>
    </row>
    <row r="8" spans="1:10" x14ac:dyDescent="0.25">
      <c r="A8" s="80">
        <v>3</v>
      </c>
      <c r="B8" s="81" t="e">
        <f>Input!F30</f>
        <v>#N/A</v>
      </c>
      <c r="E8" s="80">
        <v>5</v>
      </c>
      <c r="F8" s="81" t="e">
        <f>Input!H31</f>
        <v>#N/A</v>
      </c>
      <c r="I8" s="80">
        <v>3</v>
      </c>
      <c r="J8" s="81" t="e">
        <f>Input!F32</f>
        <v>#N/A</v>
      </c>
    </row>
    <row r="9" spans="1:10" x14ac:dyDescent="0.25">
      <c r="A9" s="80">
        <v>4</v>
      </c>
      <c r="B9" s="81" t="e">
        <f>Input!G30</f>
        <v>#N/A</v>
      </c>
      <c r="E9" s="80">
        <v>6</v>
      </c>
      <c r="F9" s="81" t="e">
        <f>Input!I31</f>
        <v>#N/A</v>
      </c>
      <c r="I9" s="80">
        <v>4</v>
      </c>
      <c r="J9" s="81" t="e">
        <f>Input!G32</f>
        <v>#N/A</v>
      </c>
    </row>
    <row r="10" spans="1:10" ht="13.8" thickBot="1" x14ac:dyDescent="0.3">
      <c r="A10" s="80">
        <v>5</v>
      </c>
      <c r="B10" s="81" t="e">
        <f>Input!H30</f>
        <v>#N/A</v>
      </c>
      <c r="E10" s="82"/>
      <c r="F10" s="83"/>
      <c r="I10" s="80">
        <v>5</v>
      </c>
      <c r="J10" s="81" t="e">
        <f>Input!H32</f>
        <v>#N/A</v>
      </c>
    </row>
    <row r="11" spans="1:10" ht="13.8" thickBot="1" x14ac:dyDescent="0.3">
      <c r="A11" s="80">
        <v>6</v>
      </c>
      <c r="B11" s="81" t="e">
        <f>Input!I30</f>
        <v>#N/A</v>
      </c>
      <c r="I11" s="80">
        <v>6</v>
      </c>
      <c r="J11" s="81" t="e">
        <f>Input!I32</f>
        <v>#N/A</v>
      </c>
    </row>
    <row r="12" spans="1:10" ht="13.8" thickBot="1" x14ac:dyDescent="0.3">
      <c r="A12" s="82"/>
      <c r="B12" s="84"/>
      <c r="C12" s="99" t="s">
        <v>2</v>
      </c>
      <c r="D12" s="100"/>
      <c r="G12" s="99" t="s">
        <v>5</v>
      </c>
      <c r="H12" s="101"/>
      <c r="I12" s="82"/>
      <c r="J12" s="83"/>
    </row>
    <row r="13" spans="1:10" x14ac:dyDescent="0.25">
      <c r="C13" s="80">
        <v>1</v>
      </c>
      <c r="D13" s="81" t="e">
        <f>Input!D28</f>
        <v>#N/A</v>
      </c>
      <c r="G13" s="80">
        <v>1</v>
      </c>
      <c r="H13" s="81" t="e">
        <f>Input!D27</f>
        <v>#N/A</v>
      </c>
    </row>
    <row r="14" spans="1:10" x14ac:dyDescent="0.25">
      <c r="C14" s="80">
        <v>2</v>
      </c>
      <c r="D14" s="81" t="e">
        <f>Input!E28</f>
        <v>#N/A</v>
      </c>
      <c r="G14" s="80">
        <v>2</v>
      </c>
      <c r="H14" s="81" t="e">
        <f>Input!E27</f>
        <v>#N/A</v>
      </c>
    </row>
    <row r="15" spans="1:10" x14ac:dyDescent="0.25">
      <c r="B15" s="85"/>
      <c r="C15" s="80">
        <v>3</v>
      </c>
      <c r="D15" s="81" t="e">
        <f>Input!F28</f>
        <v>#N/A</v>
      </c>
      <c r="G15" s="80">
        <v>3</v>
      </c>
      <c r="H15" s="81" t="e">
        <f>Input!F27</f>
        <v>#N/A</v>
      </c>
    </row>
    <row r="16" spans="1:10" x14ac:dyDescent="0.25">
      <c r="C16" s="80">
        <v>4</v>
      </c>
      <c r="D16" s="81" t="e">
        <f>Input!G28</f>
        <v>#N/A</v>
      </c>
      <c r="G16" s="80">
        <v>4</v>
      </c>
      <c r="H16" s="81" t="e">
        <f>Input!G27</f>
        <v>#N/A</v>
      </c>
    </row>
    <row r="17" spans="1:10" x14ac:dyDescent="0.25">
      <c r="C17" s="80">
        <v>5</v>
      </c>
      <c r="D17" s="81" t="e">
        <f>Input!H28</f>
        <v>#N/A</v>
      </c>
      <c r="G17" s="80">
        <v>5</v>
      </c>
      <c r="H17" s="81" t="e">
        <f>Input!H27</f>
        <v>#N/A</v>
      </c>
    </row>
    <row r="18" spans="1:10" x14ac:dyDescent="0.25">
      <c r="C18" s="80">
        <v>6</v>
      </c>
      <c r="D18" s="81" t="e">
        <f>Input!I28</f>
        <v>#N/A</v>
      </c>
      <c r="G18" s="80">
        <v>6</v>
      </c>
      <c r="H18" s="81" t="e">
        <f>Input!I27</f>
        <v>#N/A</v>
      </c>
    </row>
    <row r="19" spans="1:10" ht="13.8" thickBot="1" x14ac:dyDescent="0.3">
      <c r="C19" s="82"/>
      <c r="D19" s="83"/>
      <c r="G19" s="82"/>
      <c r="H19" s="83"/>
    </row>
    <row r="22" spans="1:10" ht="13.8" thickBot="1" x14ac:dyDescent="0.3"/>
    <row r="23" spans="1:10" x14ac:dyDescent="0.25">
      <c r="A23" s="99" t="s">
        <v>6</v>
      </c>
      <c r="B23" s="100"/>
      <c r="I23" s="99" t="s">
        <v>9</v>
      </c>
      <c r="J23" s="100"/>
    </row>
    <row r="24" spans="1:10" x14ac:dyDescent="0.25">
      <c r="A24" s="80">
        <v>1</v>
      </c>
      <c r="B24" s="81" t="e">
        <f>Input!D29</f>
        <v>#N/A</v>
      </c>
      <c r="I24" s="80">
        <v>1</v>
      </c>
      <c r="J24" s="81" t="e">
        <f>Input!D26</f>
        <v>#N/A</v>
      </c>
    </row>
    <row r="25" spans="1:10" x14ac:dyDescent="0.25">
      <c r="A25" s="80">
        <v>2</v>
      </c>
      <c r="B25" s="81" t="e">
        <f>Input!E29</f>
        <v>#N/A</v>
      </c>
      <c r="I25" s="80">
        <v>2</v>
      </c>
      <c r="J25" s="81" t="e">
        <f>Input!E26</f>
        <v>#N/A</v>
      </c>
    </row>
    <row r="26" spans="1:10" x14ac:dyDescent="0.25">
      <c r="A26" s="80">
        <v>3</v>
      </c>
      <c r="B26" s="81" t="e">
        <f>Input!F29</f>
        <v>#N/A</v>
      </c>
      <c r="I26" s="80">
        <v>3</v>
      </c>
      <c r="J26" s="81" t="e">
        <f>Input!F26</f>
        <v>#N/A</v>
      </c>
    </row>
    <row r="27" spans="1:10" x14ac:dyDescent="0.25">
      <c r="A27" s="80">
        <v>4</v>
      </c>
      <c r="B27" s="81" t="e">
        <f>Input!G29</f>
        <v>#N/A</v>
      </c>
      <c r="I27" s="80">
        <v>4</v>
      </c>
      <c r="J27" s="81" t="e">
        <f>Input!G26</f>
        <v>#N/A</v>
      </c>
    </row>
    <row r="28" spans="1:10" x14ac:dyDescent="0.25">
      <c r="A28" s="80">
        <v>5</v>
      </c>
      <c r="B28" s="81" t="e">
        <f>Input!H29</f>
        <v>#N/A</v>
      </c>
      <c r="I28" s="80">
        <v>5</v>
      </c>
      <c r="J28" s="81" t="e">
        <f>Input!H26</f>
        <v>#N/A</v>
      </c>
    </row>
    <row r="29" spans="1:10" x14ac:dyDescent="0.25">
      <c r="A29" s="80">
        <v>6</v>
      </c>
      <c r="B29" s="81" t="e">
        <f>Input!I29</f>
        <v>#N/A</v>
      </c>
      <c r="I29" s="80">
        <v>6</v>
      </c>
      <c r="J29" s="81" t="e">
        <f>Input!I26</f>
        <v>#N/A</v>
      </c>
    </row>
    <row r="30" spans="1:10" ht="13.8" thickBot="1" x14ac:dyDescent="0.3">
      <c r="A30" s="82"/>
      <c r="B30" s="83"/>
      <c r="I30" s="82"/>
      <c r="J30" s="83"/>
    </row>
    <row r="33" spans="2:10" ht="13.8" thickBot="1" x14ac:dyDescent="0.3"/>
    <row r="34" spans="2:10" x14ac:dyDescent="0.25">
      <c r="B34" s="99" t="s">
        <v>3</v>
      </c>
      <c r="C34" s="100"/>
      <c r="H34" s="76"/>
      <c r="I34" s="86" t="s">
        <v>47</v>
      </c>
      <c r="J34" s="87"/>
    </row>
    <row r="35" spans="2:10" x14ac:dyDescent="0.25">
      <c r="B35" s="80">
        <v>1</v>
      </c>
      <c r="C35" s="81" t="e">
        <f>Input!D24</f>
        <v>#N/A</v>
      </c>
      <c r="H35" s="80">
        <v>1</v>
      </c>
      <c r="I35" s="88" t="str">
        <f>'Printable Line-up'!B7</f>
        <v/>
      </c>
      <c r="J35" s="81"/>
    </row>
    <row r="36" spans="2:10" x14ac:dyDescent="0.25">
      <c r="B36" s="80">
        <v>2</v>
      </c>
      <c r="C36" s="81" t="e">
        <f>Input!E24</f>
        <v>#N/A</v>
      </c>
      <c r="H36" s="80">
        <v>2</v>
      </c>
      <c r="I36" s="88" t="str">
        <f>'Printable Line-up'!B8</f>
        <v/>
      </c>
      <c r="J36" s="81"/>
    </row>
    <row r="37" spans="2:10" x14ac:dyDescent="0.25">
      <c r="B37" s="80">
        <v>3</v>
      </c>
      <c r="C37" s="81" t="e">
        <f>Input!F24</f>
        <v>#N/A</v>
      </c>
      <c r="H37" s="80">
        <v>3</v>
      </c>
      <c r="I37" s="88" t="str">
        <f>'Printable Line-up'!B9</f>
        <v/>
      </c>
      <c r="J37" s="81"/>
    </row>
    <row r="38" spans="2:10" x14ac:dyDescent="0.25">
      <c r="B38" s="80">
        <v>4</v>
      </c>
      <c r="C38" s="81" t="e">
        <f>Input!G24</f>
        <v>#N/A</v>
      </c>
      <c r="H38" s="80">
        <v>4</v>
      </c>
      <c r="I38" s="88" t="str">
        <f>'Printable Line-up'!B10</f>
        <v/>
      </c>
      <c r="J38" s="81"/>
    </row>
    <row r="39" spans="2:10" ht="13.8" thickBot="1" x14ac:dyDescent="0.3">
      <c r="B39" s="80">
        <v>5</v>
      </c>
      <c r="C39" s="81" t="e">
        <f>Input!H24</f>
        <v>#N/A</v>
      </c>
      <c r="H39" s="80">
        <v>5</v>
      </c>
      <c r="I39" s="88" t="str">
        <f>'Printable Line-up'!B11</f>
        <v/>
      </c>
      <c r="J39" s="81"/>
    </row>
    <row r="40" spans="2:10" x14ac:dyDescent="0.25">
      <c r="B40" s="80">
        <v>6</v>
      </c>
      <c r="C40" s="81" t="e">
        <f>Input!I24</f>
        <v>#N/A</v>
      </c>
      <c r="E40" s="99" t="s">
        <v>1</v>
      </c>
      <c r="F40" s="100"/>
      <c r="H40" s="80">
        <v>6</v>
      </c>
      <c r="I40" s="88" t="str">
        <f>'Printable Line-up'!B12</f>
        <v/>
      </c>
      <c r="J40" s="81"/>
    </row>
    <row r="41" spans="2:10" ht="13.8" thickBot="1" x14ac:dyDescent="0.3">
      <c r="B41" s="82"/>
      <c r="C41" s="83"/>
      <c r="E41" s="80">
        <v>1</v>
      </c>
      <c r="F41" s="81" t="e">
        <f>Input!D25</f>
        <v>#N/A</v>
      </c>
      <c r="H41" s="80">
        <v>7</v>
      </c>
      <c r="I41" s="88" t="str">
        <f>'Printable Line-up'!B13</f>
        <v/>
      </c>
      <c r="J41" s="81"/>
    </row>
    <row r="42" spans="2:10" x14ac:dyDescent="0.25">
      <c r="E42" s="80">
        <v>2</v>
      </c>
      <c r="F42" s="81" t="e">
        <f>Input!E25</f>
        <v>#N/A</v>
      </c>
      <c r="H42" s="80">
        <v>8</v>
      </c>
      <c r="I42" s="88" t="str">
        <f>'Printable Line-up'!B14</f>
        <v/>
      </c>
      <c r="J42" s="81"/>
    </row>
    <row r="43" spans="2:10" x14ac:dyDescent="0.25">
      <c r="E43" s="80">
        <v>3</v>
      </c>
      <c r="F43" s="81" t="e">
        <f>Input!F25</f>
        <v>#N/A</v>
      </c>
      <c r="H43" s="80">
        <v>9</v>
      </c>
      <c r="I43" s="88" t="str">
        <f>'Printable Line-up'!B15</f>
        <v/>
      </c>
      <c r="J43" s="81"/>
    </row>
    <row r="44" spans="2:10" x14ac:dyDescent="0.25">
      <c r="E44" s="80">
        <v>4</v>
      </c>
      <c r="F44" s="81" t="e">
        <f>Input!G25</f>
        <v>#N/A</v>
      </c>
      <c r="H44" s="80">
        <v>10</v>
      </c>
      <c r="I44" s="88" t="str">
        <f>'Printable Line-up'!B16</f>
        <v/>
      </c>
      <c r="J44" s="81"/>
    </row>
    <row r="45" spans="2:10" x14ac:dyDescent="0.25">
      <c r="E45" s="80">
        <v>5</v>
      </c>
      <c r="F45" s="81" t="e">
        <f>Input!H25</f>
        <v>#N/A</v>
      </c>
      <c r="H45" s="80">
        <v>11</v>
      </c>
      <c r="I45" s="88" t="str">
        <f>'Printable Line-up'!B17</f>
        <v/>
      </c>
      <c r="J45" s="81"/>
    </row>
    <row r="46" spans="2:10" x14ac:dyDescent="0.25">
      <c r="E46" s="80">
        <v>6</v>
      </c>
      <c r="F46" s="81" t="e">
        <f>Input!I25</f>
        <v>#N/A</v>
      </c>
      <c r="H46" s="80">
        <v>12</v>
      </c>
      <c r="I46" s="88" t="str">
        <f>'Printable Line-up'!B18</f>
        <v/>
      </c>
      <c r="J46" s="81"/>
    </row>
    <row r="47" spans="2:10" ht="13.8" thickBot="1" x14ac:dyDescent="0.3">
      <c r="E47" s="82"/>
      <c r="F47" s="83"/>
      <c r="H47" s="82">
        <v>13</v>
      </c>
      <c r="I47" s="84" t="str">
        <f>'Printable Line-up'!B19</f>
        <v/>
      </c>
      <c r="J47" s="83"/>
    </row>
  </sheetData>
  <sheetProtection password="CA83" sheet="1" objects="1" scenarios="1" selectLockedCells="1"/>
  <mergeCells count="10">
    <mergeCell ref="E40:F40"/>
    <mergeCell ref="G12:H12"/>
    <mergeCell ref="C12:D12"/>
    <mergeCell ref="I23:J23"/>
    <mergeCell ref="A23:B23"/>
    <mergeCell ref="I1:J1"/>
    <mergeCell ref="A5:B5"/>
    <mergeCell ref="I5:J5"/>
    <mergeCell ref="E3:F3"/>
    <mergeCell ref="B34:C34"/>
  </mergeCells>
  <phoneticPr fontId="3" type="noConversion"/>
  <conditionalFormatting sqref="B6:B11 F4:F9 J6:J11 J24:J29 H13:H18 D13:D18 B24:B29 C35:C40 F41:F46">
    <cfRule type="expression" dxfId="1" priority="1" stopIfTrue="1">
      <formula>A4=$C$2</formula>
    </cfRule>
  </conditionalFormatting>
  <conditionalFormatting sqref="E4:E10 I6:I12 A6:A12 I24:I30 G13:G19 C13:C19 A24:A30 B35:B41 E41:E47">
    <cfRule type="cellIs" dxfId="0" priority="2" stopIfTrue="1" operator="equal">
      <formula>$C$2</formula>
    </cfRule>
  </conditionalFormatting>
  <dataValidations count="1">
    <dataValidation type="whole" allowBlank="1" showInputMessage="1" showErrorMessage="1" error="Inning to highlight must be between 1 and 6" sqref="C2">
      <formula1>1</formula1>
      <formula2>6</formula2>
    </dataValidation>
  </dataValidations>
  <pageMargins left="0.5" right="0.5" top="1" bottom="1" header="0.5" footer="0.5"/>
  <pageSetup orientation="portrait" r:id="rId1"/>
  <headerFooter alignWithMargins="0">
    <oddFooter>&amp;LTHORNAPPLE VALLEY BASEBALL LEAGUE&amp;CMAJOR VERSION&amp;R&amp;8Line-Up Template v20080314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Input</vt:lpstr>
      <vt:lpstr>Printable Line-up</vt:lpstr>
      <vt:lpstr>Graphical</vt:lpstr>
      <vt:lpstr>Input!Print_Area</vt:lpstr>
    </vt:vector>
  </TitlesOfParts>
  <Company>PG CONSULTIN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ason</dc:creator>
  <cp:lastModifiedBy>Robertson, Scott</cp:lastModifiedBy>
  <cp:lastPrinted>2018-06-18T02:57:15Z</cp:lastPrinted>
  <dcterms:created xsi:type="dcterms:W3CDTF">2005-04-26T02:36:10Z</dcterms:created>
  <dcterms:modified xsi:type="dcterms:W3CDTF">2018-12-08T02:51:0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770881029</vt:i4>
  </property>
  <property fmtid="{D5CDD505-2E9C-101B-9397-08002B2CF9AE}" pid="3" name="_EmailSubject">
    <vt:lpwstr>Line Up-Game 02.xls</vt:lpwstr>
  </property>
  <property fmtid="{D5CDD505-2E9C-101B-9397-08002B2CF9AE}" pid="4" name="_AuthorEmail">
    <vt:lpwstr>Jim.Weston@wwwinc.com</vt:lpwstr>
  </property>
  <property fmtid="{D5CDD505-2E9C-101B-9397-08002B2CF9AE}" pid="5" name="_AuthorEmailDisplayName">
    <vt:lpwstr>Weston, Jim</vt:lpwstr>
  </property>
  <property fmtid="{D5CDD505-2E9C-101B-9397-08002B2CF9AE}" pid="6" name="_PreviousAdHocReviewCycleID">
    <vt:i4>-501879931</vt:i4>
  </property>
  <property fmtid="{D5CDD505-2E9C-101B-9397-08002B2CF9AE}" pid="7" name="_ReviewingToolsShownOnce">
    <vt:lpwstr/>
  </property>
  <property fmtid="{D5CDD505-2E9C-101B-9397-08002B2CF9AE}" pid="8" name="TitusGUID">
    <vt:lpwstr>a394a1d8-380a-4112-86ce-719e295bfc4c</vt:lpwstr>
  </property>
  <property fmtid="{D5CDD505-2E9C-101B-9397-08002B2CF9AE}" pid="9" name="Tags">
    <vt:lpwstr>90 days - Medline default</vt:lpwstr>
  </property>
  <property fmtid="{D5CDD505-2E9C-101B-9397-08002B2CF9AE}" pid="10" name="Retention">
    <vt:lpwstr>90d</vt:lpwstr>
  </property>
</Properties>
</file>